
<file path=[Content_Types].xml><?xml version="1.0" encoding="utf-8"?>
<Types xmlns="http://schemas.openxmlformats.org/package/2006/content-types">
  <Default Extension="png" ContentType="image/png"/>
  <Default Extension="bin" ContentType="application/vnd.openxmlformats-officedocument.oleObject"/>
  <Default Extension="svg" ContentType="image/svg+xml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Masters/slideMaster8.xml" ContentType="application/vnd.openxmlformats-officedocument.presentationml.slideMaster+xml"/>
  <Override PartName="/ppt/slideMasters/slideMaster9.xml" ContentType="application/vnd.openxmlformats-officedocument.presentationml.slideMaster+xml"/>
  <Override PartName="/ppt/slideMasters/slideMaster10.xml" ContentType="application/vnd.openxmlformats-officedocument.presentationml.slideMaster+xml"/>
  <Override PartName="/ppt/slideMasters/slideMaster11.xml" ContentType="application/vnd.openxmlformats-officedocument.presentationml.slideMaster+xml"/>
  <Override PartName="/ppt/slideMasters/slideMaster12.xml" ContentType="application/vnd.openxmlformats-officedocument.presentationml.slideMaster+xml"/>
  <Override PartName="/ppt/slideMasters/slideMaster1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theme/theme2.xml" ContentType="application/vnd.openxmlformats-officedocument.theme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theme/theme3.xml" ContentType="application/vnd.openxmlformats-officedocument.theme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theme/theme4.xml" ContentType="application/vnd.openxmlformats-officedocument.theme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theme/theme5.xml" ContentType="application/vnd.openxmlformats-officedocument.theme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0.xml" ContentType="application/vnd.openxmlformats-officedocument.presentationml.slideLayout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theme/theme6.xml" ContentType="application/vnd.openxmlformats-officedocument.theme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slideLayouts/slideLayout229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slideLayouts/slideLayout243.xml" ContentType="application/vnd.openxmlformats-officedocument.presentationml.slideLayout+xml"/>
  <Override PartName="/ppt/slideLayouts/slideLayout244.xml" ContentType="application/vnd.openxmlformats-officedocument.presentationml.slideLayout+xml"/>
  <Override PartName="/ppt/slideLayouts/slideLayout245.xml" ContentType="application/vnd.openxmlformats-officedocument.presentationml.slideLayout+xml"/>
  <Override PartName="/ppt/slideLayouts/slideLayout246.xml" ContentType="application/vnd.openxmlformats-officedocument.presentationml.slideLayout+xml"/>
  <Override PartName="/ppt/slideLayouts/slideLayout247.xml" ContentType="application/vnd.openxmlformats-officedocument.presentationml.slideLayout+xml"/>
  <Override PartName="/ppt/slideLayouts/slideLayout248.xml" ContentType="application/vnd.openxmlformats-officedocument.presentationml.slideLayout+xml"/>
  <Override PartName="/ppt/slideLayouts/slideLayout249.xml" ContentType="application/vnd.openxmlformats-officedocument.presentationml.slideLayout+xml"/>
  <Override PartName="/ppt/slideLayouts/slideLayout250.xml" ContentType="application/vnd.openxmlformats-officedocument.presentationml.slideLayout+xml"/>
  <Override PartName="/ppt/slideLayouts/slideLayout251.xml" ContentType="application/vnd.openxmlformats-officedocument.presentationml.slideLayout+xml"/>
  <Override PartName="/ppt/slideLayouts/slideLayout252.xml" ContentType="application/vnd.openxmlformats-officedocument.presentationml.slideLayout+xml"/>
  <Override PartName="/ppt/theme/theme7.xml" ContentType="application/vnd.openxmlformats-officedocument.theme+xml"/>
  <Override PartName="/ppt/slideLayouts/slideLayout253.xml" ContentType="application/vnd.openxmlformats-officedocument.presentationml.slideLayout+xml"/>
  <Override PartName="/ppt/slideLayouts/slideLayout254.xml" ContentType="application/vnd.openxmlformats-officedocument.presentationml.slideLayout+xml"/>
  <Override PartName="/ppt/slideLayouts/slideLayout255.xml" ContentType="application/vnd.openxmlformats-officedocument.presentationml.slideLayout+xml"/>
  <Override PartName="/ppt/slideLayouts/slideLayout256.xml" ContentType="application/vnd.openxmlformats-officedocument.presentationml.slideLayout+xml"/>
  <Override PartName="/ppt/slideLayouts/slideLayout257.xml" ContentType="application/vnd.openxmlformats-officedocument.presentationml.slideLayout+xml"/>
  <Override PartName="/ppt/slideLayouts/slideLayout258.xml" ContentType="application/vnd.openxmlformats-officedocument.presentationml.slideLayout+xml"/>
  <Override PartName="/ppt/slideLayouts/slideLayout259.xml" ContentType="application/vnd.openxmlformats-officedocument.presentationml.slideLayout+xml"/>
  <Override PartName="/ppt/slideLayouts/slideLayout260.xml" ContentType="application/vnd.openxmlformats-officedocument.presentationml.slideLayout+xml"/>
  <Override PartName="/ppt/slideLayouts/slideLayout261.xml" ContentType="application/vnd.openxmlformats-officedocument.presentationml.slideLayout+xml"/>
  <Override PartName="/ppt/slideLayouts/slideLayout262.xml" ContentType="application/vnd.openxmlformats-officedocument.presentationml.slideLayout+xml"/>
  <Override PartName="/ppt/slideLayouts/slideLayout263.xml" ContentType="application/vnd.openxmlformats-officedocument.presentationml.slideLayout+xml"/>
  <Override PartName="/ppt/slideLayouts/slideLayout264.xml" ContentType="application/vnd.openxmlformats-officedocument.presentationml.slideLayout+xml"/>
  <Override PartName="/ppt/slideLayouts/slideLayout265.xml" ContentType="application/vnd.openxmlformats-officedocument.presentationml.slideLayout+xml"/>
  <Override PartName="/ppt/slideLayouts/slideLayout266.xml" ContentType="application/vnd.openxmlformats-officedocument.presentationml.slideLayout+xml"/>
  <Override PartName="/ppt/slideLayouts/slideLayout267.xml" ContentType="application/vnd.openxmlformats-officedocument.presentationml.slideLayout+xml"/>
  <Override PartName="/ppt/slideLayouts/slideLayout268.xml" ContentType="application/vnd.openxmlformats-officedocument.presentationml.slideLayout+xml"/>
  <Override PartName="/ppt/slideLayouts/slideLayout269.xml" ContentType="application/vnd.openxmlformats-officedocument.presentationml.slideLayout+xml"/>
  <Override PartName="/ppt/slideLayouts/slideLayout270.xml" ContentType="application/vnd.openxmlformats-officedocument.presentationml.slideLayout+xml"/>
  <Override PartName="/ppt/slideLayouts/slideLayout271.xml" ContentType="application/vnd.openxmlformats-officedocument.presentationml.slideLayout+xml"/>
  <Override PartName="/ppt/slideLayouts/slideLayout272.xml" ContentType="application/vnd.openxmlformats-officedocument.presentationml.slideLayout+xml"/>
  <Override PartName="/ppt/slideLayouts/slideLayout273.xml" ContentType="application/vnd.openxmlformats-officedocument.presentationml.slideLayout+xml"/>
  <Override PartName="/ppt/slideLayouts/slideLayout274.xml" ContentType="application/vnd.openxmlformats-officedocument.presentationml.slideLayout+xml"/>
  <Override PartName="/ppt/slideLayouts/slideLayout275.xml" ContentType="application/vnd.openxmlformats-officedocument.presentationml.slideLayout+xml"/>
  <Override PartName="/ppt/slideLayouts/slideLayout276.xml" ContentType="application/vnd.openxmlformats-officedocument.presentationml.slideLayout+xml"/>
  <Override PartName="/ppt/slideLayouts/slideLayout277.xml" ContentType="application/vnd.openxmlformats-officedocument.presentationml.slideLayout+xml"/>
  <Override PartName="/ppt/slideLayouts/slideLayout278.xml" ContentType="application/vnd.openxmlformats-officedocument.presentationml.slideLayout+xml"/>
  <Override PartName="/ppt/slideLayouts/slideLayout279.xml" ContentType="application/vnd.openxmlformats-officedocument.presentationml.slideLayout+xml"/>
  <Override PartName="/ppt/slideLayouts/slideLayout280.xml" ContentType="application/vnd.openxmlformats-officedocument.presentationml.slideLayout+xml"/>
  <Override PartName="/ppt/slideLayouts/slideLayout281.xml" ContentType="application/vnd.openxmlformats-officedocument.presentationml.slideLayout+xml"/>
  <Override PartName="/ppt/slideLayouts/slideLayout282.xml" ContentType="application/vnd.openxmlformats-officedocument.presentationml.slideLayout+xml"/>
  <Override PartName="/ppt/slideLayouts/slideLayout283.xml" ContentType="application/vnd.openxmlformats-officedocument.presentationml.slideLayout+xml"/>
  <Override PartName="/ppt/slideLayouts/slideLayout284.xml" ContentType="application/vnd.openxmlformats-officedocument.presentationml.slideLayout+xml"/>
  <Override PartName="/ppt/slideLayouts/slideLayout285.xml" ContentType="application/vnd.openxmlformats-officedocument.presentationml.slideLayout+xml"/>
  <Override PartName="/ppt/slideLayouts/slideLayout286.xml" ContentType="application/vnd.openxmlformats-officedocument.presentationml.slideLayout+xml"/>
  <Override PartName="/ppt/slideLayouts/slideLayout287.xml" ContentType="application/vnd.openxmlformats-officedocument.presentationml.slideLayout+xml"/>
  <Override PartName="/ppt/slideLayouts/slideLayout288.xml" ContentType="application/vnd.openxmlformats-officedocument.presentationml.slideLayout+xml"/>
  <Override PartName="/ppt/theme/theme8.xml" ContentType="application/vnd.openxmlformats-officedocument.theme+xml"/>
  <Override PartName="/ppt/slideLayouts/slideLayout289.xml" ContentType="application/vnd.openxmlformats-officedocument.presentationml.slideLayout+xml"/>
  <Override PartName="/ppt/slideLayouts/slideLayout290.xml" ContentType="application/vnd.openxmlformats-officedocument.presentationml.slideLayout+xml"/>
  <Override PartName="/ppt/slideLayouts/slideLayout291.xml" ContentType="application/vnd.openxmlformats-officedocument.presentationml.slideLayout+xml"/>
  <Override PartName="/ppt/slideLayouts/slideLayout292.xml" ContentType="application/vnd.openxmlformats-officedocument.presentationml.slideLayout+xml"/>
  <Override PartName="/ppt/slideLayouts/slideLayout293.xml" ContentType="application/vnd.openxmlformats-officedocument.presentationml.slideLayout+xml"/>
  <Override PartName="/ppt/slideLayouts/slideLayout294.xml" ContentType="application/vnd.openxmlformats-officedocument.presentationml.slideLayout+xml"/>
  <Override PartName="/ppt/slideLayouts/slideLayout295.xml" ContentType="application/vnd.openxmlformats-officedocument.presentationml.slideLayout+xml"/>
  <Override PartName="/ppt/slideLayouts/slideLayout296.xml" ContentType="application/vnd.openxmlformats-officedocument.presentationml.slideLayout+xml"/>
  <Override PartName="/ppt/slideLayouts/slideLayout297.xml" ContentType="application/vnd.openxmlformats-officedocument.presentationml.slideLayout+xml"/>
  <Override PartName="/ppt/slideLayouts/slideLayout298.xml" ContentType="application/vnd.openxmlformats-officedocument.presentationml.slideLayout+xml"/>
  <Override PartName="/ppt/slideLayouts/slideLayout299.xml" ContentType="application/vnd.openxmlformats-officedocument.presentationml.slideLayout+xml"/>
  <Override PartName="/ppt/slideLayouts/slideLayout300.xml" ContentType="application/vnd.openxmlformats-officedocument.presentationml.slideLayout+xml"/>
  <Override PartName="/ppt/slideLayouts/slideLayout301.xml" ContentType="application/vnd.openxmlformats-officedocument.presentationml.slideLayout+xml"/>
  <Override PartName="/ppt/slideLayouts/slideLayout302.xml" ContentType="application/vnd.openxmlformats-officedocument.presentationml.slideLayout+xml"/>
  <Override PartName="/ppt/slideLayouts/slideLayout303.xml" ContentType="application/vnd.openxmlformats-officedocument.presentationml.slideLayout+xml"/>
  <Override PartName="/ppt/slideLayouts/slideLayout304.xml" ContentType="application/vnd.openxmlformats-officedocument.presentationml.slideLayout+xml"/>
  <Override PartName="/ppt/slideLayouts/slideLayout305.xml" ContentType="application/vnd.openxmlformats-officedocument.presentationml.slideLayout+xml"/>
  <Override PartName="/ppt/slideLayouts/slideLayout306.xml" ContentType="application/vnd.openxmlformats-officedocument.presentationml.slideLayout+xml"/>
  <Override PartName="/ppt/slideLayouts/slideLayout307.xml" ContentType="application/vnd.openxmlformats-officedocument.presentationml.slideLayout+xml"/>
  <Override PartName="/ppt/slideLayouts/slideLayout308.xml" ContentType="application/vnd.openxmlformats-officedocument.presentationml.slideLayout+xml"/>
  <Override PartName="/ppt/slideLayouts/slideLayout309.xml" ContentType="application/vnd.openxmlformats-officedocument.presentationml.slideLayout+xml"/>
  <Override PartName="/ppt/slideLayouts/slideLayout310.xml" ContentType="application/vnd.openxmlformats-officedocument.presentationml.slideLayout+xml"/>
  <Override PartName="/ppt/slideLayouts/slideLayout311.xml" ContentType="application/vnd.openxmlformats-officedocument.presentationml.slideLayout+xml"/>
  <Override PartName="/ppt/slideLayouts/slideLayout312.xml" ContentType="application/vnd.openxmlformats-officedocument.presentationml.slideLayout+xml"/>
  <Override PartName="/ppt/slideLayouts/slideLayout313.xml" ContentType="application/vnd.openxmlformats-officedocument.presentationml.slideLayout+xml"/>
  <Override PartName="/ppt/slideLayouts/slideLayout314.xml" ContentType="application/vnd.openxmlformats-officedocument.presentationml.slideLayout+xml"/>
  <Override PartName="/ppt/slideLayouts/slideLayout315.xml" ContentType="application/vnd.openxmlformats-officedocument.presentationml.slideLayout+xml"/>
  <Override PartName="/ppt/slideLayouts/slideLayout316.xml" ContentType="application/vnd.openxmlformats-officedocument.presentationml.slideLayout+xml"/>
  <Override PartName="/ppt/slideLayouts/slideLayout317.xml" ContentType="application/vnd.openxmlformats-officedocument.presentationml.slideLayout+xml"/>
  <Override PartName="/ppt/slideLayouts/slideLayout318.xml" ContentType="application/vnd.openxmlformats-officedocument.presentationml.slideLayout+xml"/>
  <Override PartName="/ppt/slideLayouts/slideLayout319.xml" ContentType="application/vnd.openxmlformats-officedocument.presentationml.slideLayout+xml"/>
  <Override PartName="/ppt/slideLayouts/slideLayout320.xml" ContentType="application/vnd.openxmlformats-officedocument.presentationml.slideLayout+xml"/>
  <Override PartName="/ppt/slideLayouts/slideLayout321.xml" ContentType="application/vnd.openxmlformats-officedocument.presentationml.slideLayout+xml"/>
  <Override PartName="/ppt/slideLayouts/slideLayout322.xml" ContentType="application/vnd.openxmlformats-officedocument.presentationml.slideLayout+xml"/>
  <Override PartName="/ppt/slideLayouts/slideLayout323.xml" ContentType="application/vnd.openxmlformats-officedocument.presentationml.slideLayout+xml"/>
  <Override PartName="/ppt/slideLayouts/slideLayout324.xml" ContentType="application/vnd.openxmlformats-officedocument.presentationml.slideLayout+xml"/>
  <Override PartName="/ppt/theme/theme9.xml" ContentType="application/vnd.openxmlformats-officedocument.theme+xml"/>
  <Override PartName="/ppt/slideLayouts/slideLayout325.xml" ContentType="application/vnd.openxmlformats-officedocument.presentationml.slideLayout+xml"/>
  <Override PartName="/ppt/slideLayouts/slideLayout326.xml" ContentType="application/vnd.openxmlformats-officedocument.presentationml.slideLayout+xml"/>
  <Override PartName="/ppt/slideLayouts/slideLayout327.xml" ContentType="application/vnd.openxmlformats-officedocument.presentationml.slideLayout+xml"/>
  <Override PartName="/ppt/slideLayouts/slideLayout328.xml" ContentType="application/vnd.openxmlformats-officedocument.presentationml.slideLayout+xml"/>
  <Override PartName="/ppt/slideLayouts/slideLayout329.xml" ContentType="application/vnd.openxmlformats-officedocument.presentationml.slideLayout+xml"/>
  <Override PartName="/ppt/slideLayouts/slideLayout330.xml" ContentType="application/vnd.openxmlformats-officedocument.presentationml.slideLayout+xml"/>
  <Override PartName="/ppt/slideLayouts/slideLayout331.xml" ContentType="application/vnd.openxmlformats-officedocument.presentationml.slideLayout+xml"/>
  <Override PartName="/ppt/slideLayouts/slideLayout332.xml" ContentType="application/vnd.openxmlformats-officedocument.presentationml.slideLayout+xml"/>
  <Override PartName="/ppt/slideLayouts/slideLayout333.xml" ContentType="application/vnd.openxmlformats-officedocument.presentationml.slideLayout+xml"/>
  <Override PartName="/ppt/slideLayouts/slideLayout334.xml" ContentType="application/vnd.openxmlformats-officedocument.presentationml.slideLayout+xml"/>
  <Override PartName="/ppt/slideLayouts/slideLayout335.xml" ContentType="application/vnd.openxmlformats-officedocument.presentationml.slideLayout+xml"/>
  <Override PartName="/ppt/slideLayouts/slideLayout336.xml" ContentType="application/vnd.openxmlformats-officedocument.presentationml.slideLayout+xml"/>
  <Override PartName="/ppt/slideLayouts/slideLayout337.xml" ContentType="application/vnd.openxmlformats-officedocument.presentationml.slideLayout+xml"/>
  <Override PartName="/ppt/slideLayouts/slideLayout338.xml" ContentType="application/vnd.openxmlformats-officedocument.presentationml.slideLayout+xml"/>
  <Override PartName="/ppt/slideLayouts/slideLayout339.xml" ContentType="application/vnd.openxmlformats-officedocument.presentationml.slideLayout+xml"/>
  <Override PartName="/ppt/slideLayouts/slideLayout340.xml" ContentType="application/vnd.openxmlformats-officedocument.presentationml.slideLayout+xml"/>
  <Override PartName="/ppt/slideLayouts/slideLayout341.xml" ContentType="application/vnd.openxmlformats-officedocument.presentationml.slideLayout+xml"/>
  <Override PartName="/ppt/slideLayouts/slideLayout342.xml" ContentType="application/vnd.openxmlformats-officedocument.presentationml.slideLayout+xml"/>
  <Override PartName="/ppt/slideLayouts/slideLayout343.xml" ContentType="application/vnd.openxmlformats-officedocument.presentationml.slideLayout+xml"/>
  <Override PartName="/ppt/slideLayouts/slideLayout344.xml" ContentType="application/vnd.openxmlformats-officedocument.presentationml.slideLayout+xml"/>
  <Override PartName="/ppt/slideLayouts/slideLayout345.xml" ContentType="application/vnd.openxmlformats-officedocument.presentationml.slideLayout+xml"/>
  <Override PartName="/ppt/slideLayouts/slideLayout346.xml" ContentType="application/vnd.openxmlformats-officedocument.presentationml.slideLayout+xml"/>
  <Override PartName="/ppt/slideLayouts/slideLayout347.xml" ContentType="application/vnd.openxmlformats-officedocument.presentationml.slideLayout+xml"/>
  <Override PartName="/ppt/slideLayouts/slideLayout348.xml" ContentType="application/vnd.openxmlformats-officedocument.presentationml.slideLayout+xml"/>
  <Override PartName="/ppt/slideLayouts/slideLayout349.xml" ContentType="application/vnd.openxmlformats-officedocument.presentationml.slideLayout+xml"/>
  <Override PartName="/ppt/slideLayouts/slideLayout350.xml" ContentType="application/vnd.openxmlformats-officedocument.presentationml.slideLayout+xml"/>
  <Override PartName="/ppt/slideLayouts/slideLayout351.xml" ContentType="application/vnd.openxmlformats-officedocument.presentationml.slideLayout+xml"/>
  <Override PartName="/ppt/slideLayouts/slideLayout352.xml" ContentType="application/vnd.openxmlformats-officedocument.presentationml.slideLayout+xml"/>
  <Override PartName="/ppt/slideLayouts/slideLayout353.xml" ContentType="application/vnd.openxmlformats-officedocument.presentationml.slideLayout+xml"/>
  <Override PartName="/ppt/slideLayouts/slideLayout354.xml" ContentType="application/vnd.openxmlformats-officedocument.presentationml.slideLayout+xml"/>
  <Override PartName="/ppt/slideLayouts/slideLayout355.xml" ContentType="application/vnd.openxmlformats-officedocument.presentationml.slideLayout+xml"/>
  <Override PartName="/ppt/slideLayouts/slideLayout356.xml" ContentType="application/vnd.openxmlformats-officedocument.presentationml.slideLayout+xml"/>
  <Override PartName="/ppt/slideLayouts/slideLayout357.xml" ContentType="application/vnd.openxmlformats-officedocument.presentationml.slideLayout+xml"/>
  <Override PartName="/ppt/slideLayouts/slideLayout358.xml" ContentType="application/vnd.openxmlformats-officedocument.presentationml.slideLayout+xml"/>
  <Override PartName="/ppt/slideLayouts/slideLayout359.xml" ContentType="application/vnd.openxmlformats-officedocument.presentationml.slideLayout+xml"/>
  <Override PartName="/ppt/slideLayouts/slideLayout360.xml" ContentType="application/vnd.openxmlformats-officedocument.presentationml.slideLayout+xml"/>
  <Override PartName="/ppt/theme/theme10.xml" ContentType="application/vnd.openxmlformats-officedocument.theme+xml"/>
  <Override PartName="/ppt/slideLayouts/slideLayout361.xml" ContentType="application/vnd.openxmlformats-officedocument.presentationml.slideLayout+xml"/>
  <Override PartName="/ppt/slideLayouts/slideLayout362.xml" ContentType="application/vnd.openxmlformats-officedocument.presentationml.slideLayout+xml"/>
  <Override PartName="/ppt/slideLayouts/slideLayout363.xml" ContentType="application/vnd.openxmlformats-officedocument.presentationml.slideLayout+xml"/>
  <Override PartName="/ppt/slideLayouts/slideLayout364.xml" ContentType="application/vnd.openxmlformats-officedocument.presentationml.slideLayout+xml"/>
  <Override PartName="/ppt/slideLayouts/slideLayout365.xml" ContentType="application/vnd.openxmlformats-officedocument.presentationml.slideLayout+xml"/>
  <Override PartName="/ppt/slideLayouts/slideLayout366.xml" ContentType="application/vnd.openxmlformats-officedocument.presentationml.slideLayout+xml"/>
  <Override PartName="/ppt/slideLayouts/slideLayout367.xml" ContentType="application/vnd.openxmlformats-officedocument.presentationml.slideLayout+xml"/>
  <Override PartName="/ppt/slideLayouts/slideLayout368.xml" ContentType="application/vnd.openxmlformats-officedocument.presentationml.slideLayout+xml"/>
  <Override PartName="/ppt/slideLayouts/slideLayout369.xml" ContentType="application/vnd.openxmlformats-officedocument.presentationml.slideLayout+xml"/>
  <Override PartName="/ppt/slideLayouts/slideLayout370.xml" ContentType="application/vnd.openxmlformats-officedocument.presentationml.slideLayout+xml"/>
  <Override PartName="/ppt/slideLayouts/slideLayout371.xml" ContentType="application/vnd.openxmlformats-officedocument.presentationml.slideLayout+xml"/>
  <Override PartName="/ppt/slideLayouts/slideLayout372.xml" ContentType="application/vnd.openxmlformats-officedocument.presentationml.slideLayout+xml"/>
  <Override PartName="/ppt/slideLayouts/slideLayout373.xml" ContentType="application/vnd.openxmlformats-officedocument.presentationml.slideLayout+xml"/>
  <Override PartName="/ppt/slideLayouts/slideLayout374.xml" ContentType="application/vnd.openxmlformats-officedocument.presentationml.slideLayout+xml"/>
  <Override PartName="/ppt/slideLayouts/slideLayout375.xml" ContentType="application/vnd.openxmlformats-officedocument.presentationml.slideLayout+xml"/>
  <Override PartName="/ppt/slideLayouts/slideLayout376.xml" ContentType="application/vnd.openxmlformats-officedocument.presentationml.slideLayout+xml"/>
  <Override PartName="/ppt/slideLayouts/slideLayout377.xml" ContentType="application/vnd.openxmlformats-officedocument.presentationml.slideLayout+xml"/>
  <Override PartName="/ppt/slideLayouts/slideLayout378.xml" ContentType="application/vnd.openxmlformats-officedocument.presentationml.slideLayout+xml"/>
  <Override PartName="/ppt/slideLayouts/slideLayout379.xml" ContentType="application/vnd.openxmlformats-officedocument.presentationml.slideLayout+xml"/>
  <Override PartName="/ppt/slideLayouts/slideLayout380.xml" ContentType="application/vnd.openxmlformats-officedocument.presentationml.slideLayout+xml"/>
  <Override PartName="/ppt/slideLayouts/slideLayout381.xml" ContentType="application/vnd.openxmlformats-officedocument.presentationml.slideLayout+xml"/>
  <Override PartName="/ppt/slideLayouts/slideLayout382.xml" ContentType="application/vnd.openxmlformats-officedocument.presentationml.slideLayout+xml"/>
  <Override PartName="/ppt/slideLayouts/slideLayout383.xml" ContentType="application/vnd.openxmlformats-officedocument.presentationml.slideLayout+xml"/>
  <Override PartName="/ppt/slideLayouts/slideLayout384.xml" ContentType="application/vnd.openxmlformats-officedocument.presentationml.slideLayout+xml"/>
  <Override PartName="/ppt/slideLayouts/slideLayout385.xml" ContentType="application/vnd.openxmlformats-officedocument.presentationml.slideLayout+xml"/>
  <Override PartName="/ppt/slideLayouts/slideLayout386.xml" ContentType="application/vnd.openxmlformats-officedocument.presentationml.slideLayout+xml"/>
  <Override PartName="/ppt/slideLayouts/slideLayout387.xml" ContentType="application/vnd.openxmlformats-officedocument.presentationml.slideLayout+xml"/>
  <Override PartName="/ppt/slideLayouts/slideLayout388.xml" ContentType="application/vnd.openxmlformats-officedocument.presentationml.slideLayout+xml"/>
  <Override PartName="/ppt/slideLayouts/slideLayout389.xml" ContentType="application/vnd.openxmlformats-officedocument.presentationml.slideLayout+xml"/>
  <Override PartName="/ppt/slideLayouts/slideLayout390.xml" ContentType="application/vnd.openxmlformats-officedocument.presentationml.slideLayout+xml"/>
  <Override PartName="/ppt/slideLayouts/slideLayout391.xml" ContentType="application/vnd.openxmlformats-officedocument.presentationml.slideLayout+xml"/>
  <Override PartName="/ppt/slideLayouts/slideLayout392.xml" ContentType="application/vnd.openxmlformats-officedocument.presentationml.slideLayout+xml"/>
  <Override PartName="/ppt/slideLayouts/slideLayout393.xml" ContentType="application/vnd.openxmlformats-officedocument.presentationml.slideLayout+xml"/>
  <Override PartName="/ppt/slideLayouts/slideLayout394.xml" ContentType="application/vnd.openxmlformats-officedocument.presentationml.slideLayout+xml"/>
  <Override PartName="/ppt/slideLayouts/slideLayout395.xml" ContentType="application/vnd.openxmlformats-officedocument.presentationml.slideLayout+xml"/>
  <Override PartName="/ppt/slideLayouts/slideLayout396.xml" ContentType="application/vnd.openxmlformats-officedocument.presentationml.slideLayout+xml"/>
  <Override PartName="/ppt/theme/theme11.xml" ContentType="application/vnd.openxmlformats-officedocument.theme+xml"/>
  <Override PartName="/ppt/slideLayouts/slideLayout397.xml" ContentType="application/vnd.openxmlformats-officedocument.presentationml.slideLayout+xml"/>
  <Override PartName="/ppt/slideLayouts/slideLayout398.xml" ContentType="application/vnd.openxmlformats-officedocument.presentationml.slideLayout+xml"/>
  <Override PartName="/ppt/slideLayouts/slideLayout399.xml" ContentType="application/vnd.openxmlformats-officedocument.presentationml.slideLayout+xml"/>
  <Override PartName="/ppt/slideLayouts/slideLayout400.xml" ContentType="application/vnd.openxmlformats-officedocument.presentationml.slideLayout+xml"/>
  <Override PartName="/ppt/slideLayouts/slideLayout401.xml" ContentType="application/vnd.openxmlformats-officedocument.presentationml.slideLayout+xml"/>
  <Override PartName="/ppt/slideLayouts/slideLayout402.xml" ContentType="application/vnd.openxmlformats-officedocument.presentationml.slideLayout+xml"/>
  <Override PartName="/ppt/slideLayouts/slideLayout403.xml" ContentType="application/vnd.openxmlformats-officedocument.presentationml.slideLayout+xml"/>
  <Override PartName="/ppt/slideLayouts/slideLayout404.xml" ContentType="application/vnd.openxmlformats-officedocument.presentationml.slideLayout+xml"/>
  <Override PartName="/ppt/slideLayouts/slideLayout405.xml" ContentType="application/vnd.openxmlformats-officedocument.presentationml.slideLayout+xml"/>
  <Override PartName="/ppt/slideLayouts/slideLayout406.xml" ContentType="application/vnd.openxmlformats-officedocument.presentationml.slideLayout+xml"/>
  <Override PartName="/ppt/slideLayouts/slideLayout407.xml" ContentType="application/vnd.openxmlformats-officedocument.presentationml.slideLayout+xml"/>
  <Override PartName="/ppt/slideLayouts/slideLayout408.xml" ContentType="application/vnd.openxmlformats-officedocument.presentationml.slideLayout+xml"/>
  <Override PartName="/ppt/slideLayouts/slideLayout409.xml" ContentType="application/vnd.openxmlformats-officedocument.presentationml.slideLayout+xml"/>
  <Override PartName="/ppt/slideLayouts/slideLayout410.xml" ContentType="application/vnd.openxmlformats-officedocument.presentationml.slideLayout+xml"/>
  <Override PartName="/ppt/slideLayouts/slideLayout411.xml" ContentType="application/vnd.openxmlformats-officedocument.presentationml.slideLayout+xml"/>
  <Override PartName="/ppt/slideLayouts/slideLayout412.xml" ContentType="application/vnd.openxmlformats-officedocument.presentationml.slideLayout+xml"/>
  <Override PartName="/ppt/slideLayouts/slideLayout413.xml" ContentType="application/vnd.openxmlformats-officedocument.presentationml.slideLayout+xml"/>
  <Override PartName="/ppt/slideLayouts/slideLayout414.xml" ContentType="application/vnd.openxmlformats-officedocument.presentationml.slideLayout+xml"/>
  <Override PartName="/ppt/slideLayouts/slideLayout415.xml" ContentType="application/vnd.openxmlformats-officedocument.presentationml.slideLayout+xml"/>
  <Override PartName="/ppt/slideLayouts/slideLayout416.xml" ContentType="application/vnd.openxmlformats-officedocument.presentationml.slideLayout+xml"/>
  <Override PartName="/ppt/slideLayouts/slideLayout417.xml" ContentType="application/vnd.openxmlformats-officedocument.presentationml.slideLayout+xml"/>
  <Override PartName="/ppt/slideLayouts/slideLayout418.xml" ContentType="application/vnd.openxmlformats-officedocument.presentationml.slideLayout+xml"/>
  <Override PartName="/ppt/slideLayouts/slideLayout419.xml" ContentType="application/vnd.openxmlformats-officedocument.presentationml.slideLayout+xml"/>
  <Override PartName="/ppt/slideLayouts/slideLayout420.xml" ContentType="application/vnd.openxmlformats-officedocument.presentationml.slideLayout+xml"/>
  <Override PartName="/ppt/slideLayouts/slideLayout421.xml" ContentType="application/vnd.openxmlformats-officedocument.presentationml.slideLayout+xml"/>
  <Override PartName="/ppt/slideLayouts/slideLayout422.xml" ContentType="application/vnd.openxmlformats-officedocument.presentationml.slideLayout+xml"/>
  <Override PartName="/ppt/slideLayouts/slideLayout423.xml" ContentType="application/vnd.openxmlformats-officedocument.presentationml.slideLayout+xml"/>
  <Override PartName="/ppt/slideLayouts/slideLayout424.xml" ContentType="application/vnd.openxmlformats-officedocument.presentationml.slideLayout+xml"/>
  <Override PartName="/ppt/slideLayouts/slideLayout425.xml" ContentType="application/vnd.openxmlformats-officedocument.presentationml.slideLayout+xml"/>
  <Override PartName="/ppt/slideLayouts/slideLayout426.xml" ContentType="application/vnd.openxmlformats-officedocument.presentationml.slideLayout+xml"/>
  <Override PartName="/ppt/slideLayouts/slideLayout427.xml" ContentType="application/vnd.openxmlformats-officedocument.presentationml.slideLayout+xml"/>
  <Override PartName="/ppt/slideLayouts/slideLayout428.xml" ContentType="application/vnd.openxmlformats-officedocument.presentationml.slideLayout+xml"/>
  <Override PartName="/ppt/slideLayouts/slideLayout429.xml" ContentType="application/vnd.openxmlformats-officedocument.presentationml.slideLayout+xml"/>
  <Override PartName="/ppt/slideLayouts/slideLayout430.xml" ContentType="application/vnd.openxmlformats-officedocument.presentationml.slideLayout+xml"/>
  <Override PartName="/ppt/slideLayouts/slideLayout431.xml" ContentType="application/vnd.openxmlformats-officedocument.presentationml.slideLayout+xml"/>
  <Override PartName="/ppt/slideLayouts/slideLayout432.xml" ContentType="application/vnd.openxmlformats-officedocument.presentationml.slideLayout+xml"/>
  <Override PartName="/ppt/theme/theme12.xml" ContentType="application/vnd.openxmlformats-officedocument.theme+xml"/>
  <Override PartName="/ppt/slideLayouts/slideLayout433.xml" ContentType="application/vnd.openxmlformats-officedocument.presentationml.slideLayout+xml"/>
  <Override PartName="/ppt/slideLayouts/slideLayout434.xml" ContentType="application/vnd.openxmlformats-officedocument.presentationml.slideLayout+xml"/>
  <Override PartName="/ppt/slideLayouts/slideLayout435.xml" ContentType="application/vnd.openxmlformats-officedocument.presentationml.slideLayout+xml"/>
  <Override PartName="/ppt/slideLayouts/slideLayout436.xml" ContentType="application/vnd.openxmlformats-officedocument.presentationml.slideLayout+xml"/>
  <Override PartName="/ppt/slideLayouts/slideLayout437.xml" ContentType="application/vnd.openxmlformats-officedocument.presentationml.slideLayout+xml"/>
  <Override PartName="/ppt/slideLayouts/slideLayout438.xml" ContentType="application/vnd.openxmlformats-officedocument.presentationml.slideLayout+xml"/>
  <Override PartName="/ppt/slideLayouts/slideLayout439.xml" ContentType="application/vnd.openxmlformats-officedocument.presentationml.slideLayout+xml"/>
  <Override PartName="/ppt/slideLayouts/slideLayout440.xml" ContentType="application/vnd.openxmlformats-officedocument.presentationml.slideLayout+xml"/>
  <Override PartName="/ppt/slideLayouts/slideLayout441.xml" ContentType="application/vnd.openxmlformats-officedocument.presentationml.slideLayout+xml"/>
  <Override PartName="/ppt/slideLayouts/slideLayout442.xml" ContentType="application/vnd.openxmlformats-officedocument.presentationml.slideLayout+xml"/>
  <Override PartName="/ppt/slideLayouts/slideLayout443.xml" ContentType="application/vnd.openxmlformats-officedocument.presentationml.slideLayout+xml"/>
  <Override PartName="/ppt/slideLayouts/slideLayout444.xml" ContentType="application/vnd.openxmlformats-officedocument.presentationml.slideLayout+xml"/>
  <Override PartName="/ppt/slideLayouts/slideLayout445.xml" ContentType="application/vnd.openxmlformats-officedocument.presentationml.slideLayout+xml"/>
  <Override PartName="/ppt/slideLayouts/slideLayout446.xml" ContentType="application/vnd.openxmlformats-officedocument.presentationml.slideLayout+xml"/>
  <Override PartName="/ppt/slideLayouts/slideLayout447.xml" ContentType="application/vnd.openxmlformats-officedocument.presentationml.slideLayout+xml"/>
  <Override PartName="/ppt/slideLayouts/slideLayout448.xml" ContentType="application/vnd.openxmlformats-officedocument.presentationml.slideLayout+xml"/>
  <Override PartName="/ppt/slideLayouts/slideLayout449.xml" ContentType="application/vnd.openxmlformats-officedocument.presentationml.slideLayout+xml"/>
  <Override PartName="/ppt/slideLayouts/slideLayout450.xml" ContentType="application/vnd.openxmlformats-officedocument.presentationml.slideLayout+xml"/>
  <Override PartName="/ppt/slideLayouts/slideLayout451.xml" ContentType="application/vnd.openxmlformats-officedocument.presentationml.slideLayout+xml"/>
  <Override PartName="/ppt/theme/theme13.xml" ContentType="application/vnd.openxmlformats-officedocument.theme+xml"/>
  <Override PartName="/ppt/theme/theme14.xml" ContentType="application/vnd.openxmlformats-officedocument.theme+xml"/>
  <Override PartName="/ppt/theme/theme15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5469" r:id="rId10"/>
    <p:sldMasterId id="2147485084" r:id="rId11"/>
    <p:sldMasterId id="2147485119" r:id="rId12"/>
    <p:sldMasterId id="2147485154" r:id="rId13"/>
    <p:sldMasterId id="2147485189" r:id="rId14"/>
    <p:sldMasterId id="2147485224" r:id="rId15"/>
    <p:sldMasterId id="2147485259" r:id="rId16"/>
    <p:sldMasterId id="2147485294" r:id="rId17"/>
    <p:sldMasterId id="2147485329" r:id="rId18"/>
    <p:sldMasterId id="2147485364" r:id="rId19"/>
    <p:sldMasterId id="2147485399" r:id="rId20"/>
    <p:sldMasterId id="2147485434" r:id="rId21"/>
    <p:sldMasterId id="2147486375" r:id="rId22"/>
  </p:sldMasterIdLst>
  <p:notesMasterIdLst>
    <p:notesMasterId r:id="rId45"/>
  </p:notesMasterIdLst>
  <p:handoutMasterIdLst>
    <p:handoutMasterId r:id="rId46"/>
  </p:handoutMasterIdLst>
  <p:sldIdLst>
    <p:sldId id="433" r:id="rId23"/>
    <p:sldId id="269" r:id="rId24"/>
    <p:sldId id="270" r:id="rId25"/>
    <p:sldId id="435" r:id="rId26"/>
    <p:sldId id="436" r:id="rId27"/>
    <p:sldId id="305" r:id="rId28"/>
    <p:sldId id="439" r:id="rId29"/>
    <p:sldId id="273" r:id="rId30"/>
    <p:sldId id="437" r:id="rId31"/>
    <p:sldId id="274" r:id="rId32"/>
    <p:sldId id="275" r:id="rId33"/>
    <p:sldId id="440" r:id="rId34"/>
    <p:sldId id="276" r:id="rId35"/>
    <p:sldId id="277" r:id="rId36"/>
    <p:sldId id="441" r:id="rId37"/>
    <p:sldId id="278" r:id="rId38"/>
    <p:sldId id="279" r:id="rId39"/>
    <p:sldId id="442" r:id="rId40"/>
    <p:sldId id="280" r:id="rId41"/>
    <p:sldId id="281" r:id="rId42"/>
    <p:sldId id="285" r:id="rId43"/>
    <p:sldId id="443" r:id="rId44"/>
  </p:sldIdLst>
  <p:sldSz cx="9215438" cy="5184775"/>
  <p:notesSz cx="7315200" cy="9601200"/>
  <p:custDataLst>
    <p:tags r:id="rId47"/>
  </p:custDataLst>
  <p:defaultTextStyle>
    <a:defPPr>
      <a:defRPr lang="en-US"/>
    </a:defPPr>
    <a:lvl1pPr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1pPr>
    <a:lvl2pPr marL="459121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2pPr>
    <a:lvl3pPr marL="91984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3pPr>
    <a:lvl4pPr marL="1380562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4pPr>
    <a:lvl5pPr marL="1841283" indent="1600" algn="l" defTabSz="919842" rtl="0" fontAlgn="base">
      <a:spcBef>
        <a:spcPct val="0"/>
      </a:spcBef>
      <a:spcAft>
        <a:spcPct val="0"/>
      </a:spcAft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5pPr>
    <a:lvl6pPr marL="2303602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6pPr>
    <a:lvl7pPr marL="2764323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7pPr>
    <a:lvl8pPr marL="3225043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8pPr>
    <a:lvl9pPr marL="3685764" algn="l" defTabSz="921441" rtl="0" eaLnBrk="1" latinLnBrk="0" hangingPunct="1">
      <a:defRPr kern="1200">
        <a:solidFill>
          <a:schemeClr val="tx1"/>
        </a:solidFill>
        <a:latin typeface="AdihausDIN" pitchFamily="34" charset="0"/>
        <a:ea typeface="+mn-ea"/>
        <a:cs typeface="Arial" charset="0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Christoph Gegenheimer" initials="CG" lastIdx="1" clrIdx="0">
    <p:extLst>
      <p:ext uri="{19B8F6BF-5375-455C-9EA6-DF929625EA0E}">
        <p15:presenceInfo xmlns:p15="http://schemas.microsoft.com/office/powerpoint/2012/main" userId="S::c.gegenheimer@explain.de::12b1d854-b3f3-4f5c-96ce-874c0e69dd37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E9639D4-E3E2-4D34-9284-5A2195B3D0D7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4673" autoAdjust="0"/>
  </p:normalViewPr>
  <p:slideViewPr>
    <p:cSldViewPr snapToObjects="1" showGuides="1">
      <p:cViewPr varScale="1">
        <p:scale>
          <a:sx n="90" d="100"/>
          <a:sy n="90" d="100"/>
        </p:scale>
        <p:origin x="412" y="6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50" d="100"/>
        <a:sy n="150" d="100"/>
      </p:scale>
      <p:origin x="0" y="0"/>
    </p:cViewPr>
  </p:sorterViewPr>
  <p:notesViewPr>
    <p:cSldViewPr snapToObjects="1" showGuides="1">
      <p:cViewPr>
        <p:scale>
          <a:sx n="100" d="100"/>
          <a:sy n="100" d="100"/>
        </p:scale>
        <p:origin x="3408" y="-499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Master" Target="slideMasters/slideMaster4.xml"/><Relationship Id="rId18" Type="http://schemas.openxmlformats.org/officeDocument/2006/relationships/slideMaster" Target="slideMasters/slideMaster9.xml"/><Relationship Id="rId26" Type="http://schemas.openxmlformats.org/officeDocument/2006/relationships/slide" Target="slides/slide4.xml"/><Relationship Id="rId39" Type="http://schemas.openxmlformats.org/officeDocument/2006/relationships/slide" Target="slides/slide17.xml"/><Relationship Id="rId21" Type="http://schemas.openxmlformats.org/officeDocument/2006/relationships/slideMaster" Target="slideMasters/slideMaster12.xml"/><Relationship Id="rId34" Type="http://schemas.openxmlformats.org/officeDocument/2006/relationships/slide" Target="slides/slide12.xml"/><Relationship Id="rId42" Type="http://schemas.openxmlformats.org/officeDocument/2006/relationships/slide" Target="slides/slide20.xml"/><Relationship Id="rId47" Type="http://schemas.openxmlformats.org/officeDocument/2006/relationships/tags" Target="tags/tag1.xml"/><Relationship Id="rId50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7.xml"/><Relationship Id="rId29" Type="http://schemas.openxmlformats.org/officeDocument/2006/relationships/slide" Target="slides/slide7.xml"/><Relationship Id="rId11" Type="http://schemas.openxmlformats.org/officeDocument/2006/relationships/slideMaster" Target="slideMasters/slideMaster2.xml"/><Relationship Id="rId24" Type="http://schemas.openxmlformats.org/officeDocument/2006/relationships/slide" Target="slides/slide2.xml"/><Relationship Id="rId32" Type="http://schemas.openxmlformats.org/officeDocument/2006/relationships/slide" Target="slides/slide10.xml"/><Relationship Id="rId37" Type="http://schemas.openxmlformats.org/officeDocument/2006/relationships/slide" Target="slides/slide15.xml"/><Relationship Id="rId40" Type="http://schemas.openxmlformats.org/officeDocument/2006/relationships/slide" Target="slides/slide18.xml"/><Relationship Id="rId45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6.xml"/><Relationship Id="rId23" Type="http://schemas.openxmlformats.org/officeDocument/2006/relationships/slide" Target="slides/slide1.xml"/><Relationship Id="rId28" Type="http://schemas.openxmlformats.org/officeDocument/2006/relationships/slide" Target="slides/slide6.xml"/><Relationship Id="rId36" Type="http://schemas.openxmlformats.org/officeDocument/2006/relationships/slide" Target="slides/slide14.xml"/><Relationship Id="rId49" Type="http://schemas.openxmlformats.org/officeDocument/2006/relationships/presProps" Target="presProps.xml"/><Relationship Id="rId10" Type="http://schemas.openxmlformats.org/officeDocument/2006/relationships/slideMaster" Target="slideMasters/slideMaster1.xml"/><Relationship Id="rId19" Type="http://schemas.openxmlformats.org/officeDocument/2006/relationships/slideMaster" Target="slideMasters/slideMaster10.xml"/><Relationship Id="rId31" Type="http://schemas.openxmlformats.org/officeDocument/2006/relationships/slide" Target="slides/slide9.xml"/><Relationship Id="rId44" Type="http://schemas.openxmlformats.org/officeDocument/2006/relationships/slide" Target="slides/slide22.xml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5.xml"/><Relationship Id="rId22" Type="http://schemas.openxmlformats.org/officeDocument/2006/relationships/slideMaster" Target="slideMasters/slideMaster13.xml"/><Relationship Id="rId27" Type="http://schemas.openxmlformats.org/officeDocument/2006/relationships/slide" Target="slides/slide5.xml"/><Relationship Id="rId30" Type="http://schemas.openxmlformats.org/officeDocument/2006/relationships/slide" Target="slides/slide8.xml"/><Relationship Id="rId35" Type="http://schemas.openxmlformats.org/officeDocument/2006/relationships/slide" Target="slides/slide13.xml"/><Relationship Id="rId43" Type="http://schemas.openxmlformats.org/officeDocument/2006/relationships/slide" Target="slides/slide21.xml"/><Relationship Id="rId48" Type="http://schemas.openxmlformats.org/officeDocument/2006/relationships/commentAuthors" Target="commentAuthors.xml"/><Relationship Id="rId8" Type="http://schemas.openxmlformats.org/officeDocument/2006/relationships/customXml" Target="../customXml/item8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3.xml"/><Relationship Id="rId17" Type="http://schemas.openxmlformats.org/officeDocument/2006/relationships/slideMaster" Target="slideMasters/slideMaster8.xml"/><Relationship Id="rId25" Type="http://schemas.openxmlformats.org/officeDocument/2006/relationships/slide" Target="slides/slide3.xml"/><Relationship Id="rId33" Type="http://schemas.openxmlformats.org/officeDocument/2006/relationships/slide" Target="slides/slide11.xml"/><Relationship Id="rId38" Type="http://schemas.openxmlformats.org/officeDocument/2006/relationships/slide" Target="slides/slide16.xml"/><Relationship Id="rId46" Type="http://schemas.openxmlformats.org/officeDocument/2006/relationships/handoutMaster" Target="handoutMasters/handoutMaster1.xml"/><Relationship Id="rId20" Type="http://schemas.openxmlformats.org/officeDocument/2006/relationships/slideMaster" Target="slideMasters/slideMaster11.xml"/><Relationship Id="rId41" Type="http://schemas.openxmlformats.org/officeDocument/2006/relationships/slide" Target="slides/slide1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20.png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er Placeholder 24">
            <a:extLst>
              <a:ext uri="{FF2B5EF4-FFF2-40B4-BE49-F238E27FC236}">
                <a16:creationId xmlns:a16="http://schemas.microsoft.com/office/drawing/2014/main" id="{F648BECF-846B-4AEC-A143-E962A4EE2115}"/>
              </a:ext>
            </a:extLst>
          </p:cNvPr>
          <p:cNvSpPr>
            <a:spLocks noGrp="1"/>
          </p:cNvSpPr>
          <p:nvPr>
            <p:ph type="ftr" sz="quarter" idx="2"/>
          </p:nvPr>
        </p:nvSpPr>
        <p:spPr bwMode="gray">
          <a:xfrm>
            <a:off x="327600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+mj-lt"/>
              </a:defRPr>
            </a:lvl1pPr>
          </a:lstStyle>
          <a:p>
            <a:r>
              <a:rPr lang="en-US" dirty="0"/>
              <a:t>2021 ADIDAS AG</a:t>
            </a:r>
          </a:p>
        </p:txBody>
      </p:sp>
      <p:sp>
        <p:nvSpPr>
          <p:cNvPr id="11" name="Slide Number Placeholder 25">
            <a:extLst>
              <a:ext uri="{FF2B5EF4-FFF2-40B4-BE49-F238E27FC236}">
                <a16:creationId xmlns:a16="http://schemas.microsoft.com/office/drawing/2014/main" id="{CD2B6602-1EE3-4AEA-94A9-9E00B566DFE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Date Placeholder 26">
            <a:extLst>
              <a:ext uri="{FF2B5EF4-FFF2-40B4-BE49-F238E27FC236}">
                <a16:creationId xmlns:a16="http://schemas.microsoft.com/office/drawing/2014/main" id="{AF86C3F9-5D43-41F9-A627-13D75A63D51E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34F1FB76-B0AC-4CE9-B9FF-DCA9AF5013CA}" type="datetime1">
              <a:rPr lang="en-US" smtClean="0"/>
              <a:t>10/27/2021</a:t>
            </a:fld>
            <a:endParaRPr lang="en-US"/>
          </a:p>
        </p:txBody>
      </p:sp>
      <p:sp>
        <p:nvSpPr>
          <p:cNvPr id="13" name="Header Placeholder 27">
            <a:extLst>
              <a:ext uri="{FF2B5EF4-FFF2-40B4-BE49-F238E27FC236}">
                <a16:creationId xmlns:a16="http://schemas.microsoft.com/office/drawing/2014/main" id="{2789E0B3-E876-46D7-A8F1-6FB53103A2BE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834497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 bwMode="lt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73" name="TextBox 23"/>
          <p:cNvSpPr txBox="1">
            <a:spLocks noChangeArrowheads="1"/>
          </p:cNvSpPr>
          <p:nvPr/>
        </p:nvSpPr>
        <p:spPr bwMode="gray">
          <a:xfrm>
            <a:off x="5040313" y="4392611"/>
            <a:ext cx="1947287" cy="3359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/>
          <a:lstStyle>
            <a:lvl1pPr>
              <a:defRPr>
                <a:solidFill>
                  <a:schemeClr val="tx1"/>
                </a:solidFill>
                <a:latin typeface="AdihausDIN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AdihausDIN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AdihausDIN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AdihausDIN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AdihausDIN" pitchFamily="34" charset="0"/>
              </a:defRPr>
            </a:lvl5pPr>
            <a:lvl6pPr marL="25146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6pPr>
            <a:lvl7pPr marL="29718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7pPr>
            <a:lvl8pPr marL="34290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8pPr>
            <a:lvl9pPr marL="3886200" indent="-228600" defTabSz="912813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dihausDIN" pitchFamily="34" charset="0"/>
              </a:defRPr>
            </a:lvl9pPr>
          </a:lstStyle>
          <a:p>
            <a:pPr>
              <a:lnSpc>
                <a:spcPct val="90000"/>
              </a:lnSpc>
              <a:defRPr/>
            </a:pPr>
            <a:r>
              <a:rPr lang="en-US" sz="800" b="1" cap="all" spc="20" baseline="0" dirty="0">
                <a:solidFill>
                  <a:schemeClr val="tx1"/>
                </a:solidFill>
                <a:latin typeface="+mj-lt"/>
              </a:rPr>
              <a:t>NOTES: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27600" y="360363"/>
            <a:ext cx="6660000" cy="3746471"/>
          </a:xfrm>
          <a:prstGeom prst="rect">
            <a:avLst/>
          </a:prstGeom>
          <a:noFill/>
          <a:ln w="6350">
            <a:solidFill>
              <a:schemeClr val="tx1"/>
            </a:solidFill>
            <a:miter lim="800000"/>
          </a:ln>
          <a:effectLst/>
        </p:spPr>
        <p:txBody>
          <a:bodyPr vert="horz" lIns="94702" tIns="47351" rIns="94702" bIns="47351" rtlCol="0" anchor="ctr"/>
          <a:lstStyle/>
          <a:p>
            <a:pPr lvl="0"/>
            <a:endParaRPr lang="en-US" noProof="0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36156" y="4392612"/>
            <a:ext cx="4416157" cy="4656459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 err="1"/>
              <a:t>Six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6"/>
            <a:r>
              <a:rPr lang="en-US" noProof="0" dirty="0" err="1"/>
              <a:t>Seven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</a:t>
            </a:r>
            <a:r>
              <a:rPr lang="en-US" noProof="0" dirty="0" err="1"/>
              <a:t>level</a:t>
            </a:r>
            <a:endParaRPr lang="en-US" noProof="0" dirty="0"/>
          </a:p>
        </p:txBody>
      </p:sp>
      <p:grpSp>
        <p:nvGrpSpPr>
          <p:cNvPr id="24" name="Group 23">
            <a:extLst>
              <a:ext uri="{FF2B5EF4-FFF2-40B4-BE49-F238E27FC236}">
                <a16:creationId xmlns:a16="http://schemas.microsoft.com/office/drawing/2014/main" id="{11F275FE-076A-4F9E-B060-BB281D1F45FE}"/>
              </a:ext>
            </a:extLst>
          </p:cNvPr>
          <p:cNvGrpSpPr>
            <a:grpSpLocks/>
          </p:cNvGrpSpPr>
          <p:nvPr/>
        </p:nvGrpSpPr>
        <p:grpSpPr bwMode="gray">
          <a:xfrm>
            <a:off x="5040313" y="4728586"/>
            <a:ext cx="1947287" cy="4320485"/>
            <a:chOff x="5057300" y="4728587"/>
            <a:chExt cx="1930300" cy="4536509"/>
          </a:xfrm>
        </p:grpSpPr>
        <p:cxnSp>
          <p:nvCxnSpPr>
            <p:cNvPr id="7" name="Straight Connector 6"/>
            <p:cNvCxnSpPr>
              <a:cxnSpLocks/>
            </p:cNvCxnSpPr>
            <p:nvPr/>
          </p:nvCxnSpPr>
          <p:spPr bwMode="gray">
            <a:xfrm flipH="1">
              <a:off x="5057300" y="472858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" name="Straight Connector 8"/>
            <p:cNvCxnSpPr>
              <a:cxnSpLocks/>
            </p:cNvCxnSpPr>
            <p:nvPr/>
          </p:nvCxnSpPr>
          <p:spPr bwMode="gray">
            <a:xfrm flipH="1">
              <a:off x="5057300" y="503102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/>
            <p:cNvCxnSpPr>
              <a:cxnSpLocks/>
            </p:cNvCxnSpPr>
            <p:nvPr/>
          </p:nvCxnSpPr>
          <p:spPr bwMode="gray">
            <a:xfrm flipH="1">
              <a:off x="5057300" y="533345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/>
            <p:cNvCxnSpPr>
              <a:cxnSpLocks/>
            </p:cNvCxnSpPr>
            <p:nvPr/>
          </p:nvCxnSpPr>
          <p:spPr bwMode="gray">
            <a:xfrm flipH="1">
              <a:off x="5057300" y="563588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/>
            <p:cNvCxnSpPr>
              <a:cxnSpLocks/>
            </p:cNvCxnSpPr>
            <p:nvPr/>
          </p:nvCxnSpPr>
          <p:spPr bwMode="gray">
            <a:xfrm flipH="1">
              <a:off x="5057300" y="593832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/>
            <p:cNvCxnSpPr>
              <a:cxnSpLocks/>
            </p:cNvCxnSpPr>
            <p:nvPr/>
          </p:nvCxnSpPr>
          <p:spPr bwMode="gray">
            <a:xfrm flipH="1">
              <a:off x="5057300" y="624075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4" name="Straight Connector 13"/>
            <p:cNvCxnSpPr>
              <a:cxnSpLocks/>
            </p:cNvCxnSpPr>
            <p:nvPr/>
          </p:nvCxnSpPr>
          <p:spPr bwMode="gray">
            <a:xfrm flipH="1">
              <a:off x="5057300" y="654319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4"/>
            <p:cNvCxnSpPr>
              <a:cxnSpLocks/>
            </p:cNvCxnSpPr>
            <p:nvPr/>
          </p:nvCxnSpPr>
          <p:spPr bwMode="gray">
            <a:xfrm flipH="1">
              <a:off x="5057300" y="684562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/>
            <p:cNvCxnSpPr>
              <a:cxnSpLocks/>
            </p:cNvCxnSpPr>
            <p:nvPr/>
          </p:nvCxnSpPr>
          <p:spPr bwMode="gray">
            <a:xfrm flipH="1">
              <a:off x="5057300" y="714805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/>
            <p:cNvCxnSpPr>
              <a:cxnSpLocks/>
            </p:cNvCxnSpPr>
            <p:nvPr/>
          </p:nvCxnSpPr>
          <p:spPr bwMode="gray">
            <a:xfrm flipH="1">
              <a:off x="5057300" y="745049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/>
            <p:cNvCxnSpPr>
              <a:cxnSpLocks/>
            </p:cNvCxnSpPr>
            <p:nvPr/>
          </p:nvCxnSpPr>
          <p:spPr bwMode="gray">
            <a:xfrm flipH="1">
              <a:off x="5057300" y="7752927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/>
            <p:cNvCxnSpPr>
              <a:cxnSpLocks/>
            </p:cNvCxnSpPr>
            <p:nvPr/>
          </p:nvCxnSpPr>
          <p:spPr bwMode="gray">
            <a:xfrm flipH="1">
              <a:off x="5057300" y="8055361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Straight Connector 19"/>
            <p:cNvCxnSpPr>
              <a:cxnSpLocks/>
            </p:cNvCxnSpPr>
            <p:nvPr/>
          </p:nvCxnSpPr>
          <p:spPr bwMode="gray">
            <a:xfrm flipH="1">
              <a:off x="5057300" y="8357795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>
              <a:cxnSpLocks/>
            </p:cNvCxnSpPr>
            <p:nvPr/>
          </p:nvCxnSpPr>
          <p:spPr bwMode="gray">
            <a:xfrm flipH="1">
              <a:off x="5057300" y="8660229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Straight Connector 21"/>
            <p:cNvCxnSpPr>
              <a:cxnSpLocks/>
            </p:cNvCxnSpPr>
            <p:nvPr/>
          </p:nvCxnSpPr>
          <p:spPr bwMode="gray">
            <a:xfrm flipH="1">
              <a:off x="5057300" y="8962663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/>
            <p:cNvCxnSpPr>
              <a:cxnSpLocks/>
            </p:cNvCxnSpPr>
            <p:nvPr/>
          </p:nvCxnSpPr>
          <p:spPr bwMode="gray">
            <a:xfrm flipH="1">
              <a:off x="5057300" y="9265096"/>
              <a:ext cx="1930300" cy="0"/>
            </a:xfrm>
            <a:prstGeom prst="line">
              <a:avLst/>
            </a:prstGeom>
            <a:ln w="6350" cap="rnd">
              <a:solidFill>
                <a:schemeClr val="bg2">
                  <a:lumMod val="50000"/>
                </a:schemeClr>
              </a:solidFill>
              <a:prstDash val="sysDot"/>
              <a:headEnd type="none"/>
              <a:tailEnd type="non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5" name="Footer Placeholder 24">
            <a:extLst>
              <a:ext uri="{FF2B5EF4-FFF2-40B4-BE49-F238E27FC236}">
                <a16:creationId xmlns:a16="http://schemas.microsoft.com/office/drawing/2014/main" id="{1E16D96D-11C6-4769-ABE5-BC7D6AC530D4}"/>
              </a:ext>
            </a:extLst>
          </p:cNvPr>
          <p:cNvSpPr>
            <a:spLocks noGrp="1"/>
          </p:cNvSpPr>
          <p:nvPr>
            <p:ph type="ftr" sz="quarter" idx="4"/>
          </p:nvPr>
        </p:nvSpPr>
        <p:spPr bwMode="gray">
          <a:xfrm>
            <a:off x="327600" y="9193088"/>
            <a:ext cx="665704" cy="216024"/>
          </a:xfrm>
          <a:prstGeom prst="rect">
            <a:avLst/>
          </a:prstGeom>
        </p:spPr>
        <p:txBody>
          <a:bodyPr vert="horz" wrap="none" lIns="0" tIns="0" rIns="0" bIns="0" rtlCol="0" anchor="b"/>
          <a:lstStyle>
            <a:lvl1pPr algn="l">
              <a:defRPr sz="800" cap="all" spc="30" baseline="0">
                <a:latin typeface="+mj-lt"/>
              </a:defRPr>
            </a:lvl1pPr>
          </a:lstStyle>
          <a:p>
            <a:r>
              <a:rPr lang="en-US" dirty="0"/>
              <a:t>2021 ADIDAS AG</a:t>
            </a:r>
          </a:p>
        </p:txBody>
      </p:sp>
      <p:sp>
        <p:nvSpPr>
          <p:cNvPr id="26" name="Slide Number Placeholder 25">
            <a:extLst>
              <a:ext uri="{FF2B5EF4-FFF2-40B4-BE49-F238E27FC236}">
                <a16:creationId xmlns:a16="http://schemas.microsoft.com/office/drawing/2014/main" id="{F9CA6E82-8F9A-416A-895A-E9710CFED2C3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 bwMode="gray">
          <a:xfrm>
            <a:off x="6753943" y="9697144"/>
            <a:ext cx="559669" cy="192088"/>
          </a:xfrm>
          <a:prstGeom prst="rect">
            <a:avLst/>
          </a:prstGeom>
        </p:spPr>
        <p:txBody>
          <a:bodyPr vert="horz" lIns="0" tIns="0" rIns="0" bIns="0" rtlCol="0" anchor="b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0E76785A-95C7-44FE-A156-91193B40163D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27" name="Date Placeholder 26">
            <a:extLst>
              <a:ext uri="{FF2B5EF4-FFF2-40B4-BE49-F238E27FC236}">
                <a16:creationId xmlns:a16="http://schemas.microsoft.com/office/drawing/2014/main" id="{F5F27AC6-919C-4146-91E8-BCBA9CB9BEC9}"/>
              </a:ext>
            </a:extLst>
          </p:cNvPr>
          <p:cNvSpPr>
            <a:spLocks noGrp="1"/>
          </p:cNvSpPr>
          <p:nvPr>
            <p:ph type="dt" idx="1"/>
          </p:nvPr>
        </p:nvSpPr>
        <p:spPr bwMode="gray">
          <a:xfrm>
            <a:off x="660834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r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fld id="{B9A9F326-58F6-4775-A232-06AE6A9C7A18}" type="datetime1">
              <a:rPr lang="en-US" smtClean="0"/>
              <a:t>10/27/2021</a:t>
            </a:fld>
            <a:endParaRPr lang="en-US"/>
          </a:p>
        </p:txBody>
      </p:sp>
      <p:sp>
        <p:nvSpPr>
          <p:cNvPr id="28" name="Header Placeholder 27">
            <a:extLst>
              <a:ext uri="{FF2B5EF4-FFF2-40B4-BE49-F238E27FC236}">
                <a16:creationId xmlns:a16="http://schemas.microsoft.com/office/drawing/2014/main" id="{22821660-5A13-4308-BFF9-F71DDFE6D08C}"/>
              </a:ext>
            </a:extLst>
          </p:cNvPr>
          <p:cNvSpPr>
            <a:spLocks noGrp="1"/>
          </p:cNvSpPr>
          <p:nvPr>
            <p:ph type="hdr" sz="quarter"/>
          </p:nvPr>
        </p:nvSpPr>
        <p:spPr bwMode="gray">
          <a:xfrm>
            <a:off x="0" y="-309908"/>
            <a:ext cx="705272" cy="192088"/>
          </a:xfrm>
          <a:prstGeom prst="rect">
            <a:avLst/>
          </a:prstGeom>
        </p:spPr>
        <p:txBody>
          <a:bodyPr vert="horz" lIns="0" tIns="0" rIns="0" bIns="0" rtlCol="0"/>
          <a:lstStyle>
            <a:lvl1pPr algn="l">
              <a:defRPr sz="800" cap="all" spc="30" baseline="0">
                <a:solidFill>
                  <a:schemeClr val="tx1">
                    <a:alpha val="0"/>
                  </a:schemeClr>
                </a:solidFill>
                <a:latin typeface="+mj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732366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Wingdings" pitchFamily="2" charset="2"/>
      <a:defRPr sz="1000" kern="1200">
        <a:solidFill>
          <a:schemeClr val="tx1"/>
        </a:solidFill>
        <a:latin typeface="+mn-lt"/>
        <a:ea typeface="+mn-ea"/>
        <a:cs typeface="+mn-cs"/>
      </a:defRPr>
    </a:lvl1pPr>
    <a:lvl2pPr marL="108781" indent="-108781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Wingdings" pitchFamily="2" charset="2"/>
      <a:buChar char="§"/>
      <a:defRPr sz="1000" kern="1200">
        <a:solidFill>
          <a:schemeClr val="tx1"/>
        </a:solidFill>
        <a:latin typeface="+mn-lt"/>
        <a:ea typeface="+mn-ea"/>
        <a:cs typeface="+mn-cs"/>
      </a:defRPr>
    </a:lvl2pPr>
    <a:lvl3pPr marL="177800" indent="-177800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+mj-lt"/>
      <a:buAutoNum type="arabicPeriod"/>
      <a:defRPr sz="1000" kern="1200">
        <a:solidFill>
          <a:schemeClr val="tx1"/>
        </a:solidFill>
        <a:latin typeface="+mn-lt"/>
        <a:ea typeface="+mn-ea"/>
        <a:cs typeface="+mn-cs"/>
      </a:defRPr>
    </a:lvl3pPr>
    <a:lvl4pPr marL="266700" indent="-88900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AdihausDIN" panose="020B0504020101020102" pitchFamily="34" charset="0"/>
      <a:buChar char="­"/>
      <a:defRPr sz="1000" kern="1200">
        <a:solidFill>
          <a:schemeClr val="tx1"/>
        </a:solidFill>
        <a:latin typeface="+mn-lt"/>
        <a:ea typeface="+mn-ea"/>
        <a:cs typeface="+mn-cs"/>
      </a:defRPr>
    </a:lvl4pPr>
    <a:lvl5pPr marL="357188" indent="-176213" algn="l" defTabSz="919842" rtl="0" eaLnBrk="0" fontAlgn="base" hangingPunct="0">
      <a:lnSpc>
        <a:spcPct val="90000"/>
      </a:lnSpc>
      <a:spcBef>
        <a:spcPts val="0"/>
      </a:spcBef>
      <a:spcAft>
        <a:spcPts val="600"/>
      </a:spcAft>
      <a:buSzPct val="90000"/>
      <a:buFont typeface="adineue PRO TT Black" pitchFamily="34" charset="0"/>
      <a:buAutoNum type="arabicPeriod"/>
      <a:defRPr sz="1000" kern="1200">
        <a:solidFill>
          <a:schemeClr val="tx1"/>
        </a:solidFill>
        <a:latin typeface="+mn-lt"/>
        <a:ea typeface="+mn-ea"/>
        <a:cs typeface="+mn-cs"/>
      </a:defRPr>
    </a:lvl5pPr>
    <a:lvl6pPr marL="0" indent="0" algn="l" defTabSz="921421" rtl="0" eaLnBrk="1" latinLnBrk="0" hangingPunct="1">
      <a:lnSpc>
        <a:spcPct val="75000"/>
      </a:lnSpc>
      <a:spcBef>
        <a:spcPts val="1200"/>
      </a:spcBef>
      <a:spcAft>
        <a:spcPts val="600"/>
      </a:spcAft>
      <a:defRPr sz="1600" b="1" kern="1200" cap="all" spc="20" baseline="0">
        <a:solidFill>
          <a:schemeClr val="tx1"/>
        </a:solidFill>
        <a:latin typeface="+mj-lt"/>
        <a:ea typeface="+mn-ea"/>
        <a:cs typeface="+mn-cs"/>
      </a:defRPr>
    </a:lvl6pPr>
    <a:lvl7pPr marL="0" indent="0" algn="l" defTabSz="921421" rtl="0" eaLnBrk="1" latinLnBrk="0" hangingPunct="1">
      <a:lnSpc>
        <a:spcPct val="90000"/>
      </a:lnSpc>
      <a:spcBef>
        <a:spcPts val="0"/>
      </a:spcBef>
      <a:spcAft>
        <a:spcPts val="600"/>
      </a:spcAft>
      <a:defRPr sz="800" b="0" kern="1200" cap="none" baseline="0">
        <a:solidFill>
          <a:schemeClr val="tx2"/>
        </a:solidFill>
        <a:latin typeface="+mn-lt"/>
        <a:ea typeface="+mn-ea"/>
        <a:cs typeface="+mn-cs"/>
      </a:defRPr>
    </a:lvl7pPr>
    <a:lvl8pPr marL="0" indent="0" algn="l" defTabSz="921421" rtl="0" eaLnBrk="1" latinLnBrk="0" hangingPunct="1">
      <a:spcAft>
        <a:spcPts val="600"/>
      </a:spcAft>
      <a:defRPr sz="800" kern="1200">
        <a:solidFill>
          <a:schemeClr val="tx2"/>
        </a:solidFill>
        <a:latin typeface="+mn-lt"/>
        <a:ea typeface="+mn-ea"/>
        <a:cs typeface="+mn-cs"/>
      </a:defRPr>
    </a:lvl8pPr>
    <a:lvl9pPr marL="0" indent="0" algn="l" defTabSz="921421" rtl="0" eaLnBrk="1" latinLnBrk="0" hangingPunct="1">
      <a:spcAft>
        <a:spcPts val="600"/>
      </a:spcAft>
      <a:defRPr sz="800" kern="1200">
        <a:solidFill>
          <a:schemeClr val="tx2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pos="2993" userDrawn="1">
          <p15:clr>
            <a:srgbClr val="F26B43"/>
          </p15:clr>
        </p15:guide>
        <p15:guide id="2" orient="horz" pos="2767" userDrawn="1">
          <p15:clr>
            <a:srgbClr val="F26B43"/>
          </p15:clr>
        </p15:guide>
        <p15:guide id="3" pos="3175" userDrawn="1">
          <p15:clr>
            <a:srgbClr val="F26B43"/>
          </p15:clr>
        </p15:guide>
        <p15:guide id="4" orient="horz" pos="2586" userDrawn="1">
          <p15:clr>
            <a:srgbClr val="F26B43"/>
          </p15:clr>
        </p15:guide>
        <p15:guide id="5" orient="horz" pos="227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2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3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3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3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4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3.xml"/></Relationships>
</file>

<file path=ppt/slideLayouts/_rels/slideLayout4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3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7565C79F-151D-4AF9-B1DF-438CB47E1B73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3">
            <a:extLst>
              <a:ext uri="{FF2B5EF4-FFF2-40B4-BE49-F238E27FC236}">
                <a16:creationId xmlns:a16="http://schemas.microsoft.com/office/drawing/2014/main" id="{56E48DF9-094A-46E9-9506-D553B1258164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EAFFC19-DA96-4689-8E03-074CE6F7E9C9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34999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0452677"/>
      </p:ext>
    </p:extLst>
  </p:cSld>
  <p:clrMapOvr>
    <a:masterClrMapping/>
  </p:clrMapOvr>
  <p:transition>
    <p:fade/>
  </p:transition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37966361"/>
      </p:ext>
    </p:extLst>
  </p:cSld>
  <p:clrMapOvr>
    <a:masterClrMapping/>
  </p:clrMapOvr>
  <p:transition>
    <p:fade/>
  </p:transition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18845874"/>
      </p:ext>
    </p:extLst>
  </p:cSld>
  <p:clrMapOvr>
    <a:masterClrMapping/>
  </p:clrMapOvr>
  <p:transition>
    <p:fade/>
  </p:transition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6244261"/>
      </p:ext>
    </p:extLst>
  </p:cSld>
  <p:clrMapOvr>
    <a:masterClrMapping/>
  </p:clrMapOvr>
  <p:transition>
    <p:fade/>
  </p:transition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75662410"/>
      </p:ext>
    </p:extLst>
  </p:cSld>
  <p:clrMapOvr>
    <a:masterClrMapping/>
  </p:clrMapOvr>
  <p:transition>
    <p:fade/>
  </p:transition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90879988"/>
      </p:ext>
    </p:extLst>
  </p:cSld>
  <p:clrMapOvr>
    <a:masterClrMapping/>
  </p:clrMapOvr>
  <p:transition>
    <p:fade/>
  </p:transition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6380971"/>
      </p:ext>
    </p:extLst>
  </p:cSld>
  <p:clrMapOvr>
    <a:masterClrMapping/>
  </p:clrMapOvr>
  <p:transition>
    <p:fade/>
  </p:transition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6360198"/>
      </p:ext>
    </p:extLst>
  </p:cSld>
  <p:clrMapOvr>
    <a:masterClrMapping/>
  </p:clrMapOvr>
  <p:transition>
    <p:fade/>
  </p:transition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5013974"/>
      </p:ext>
    </p:extLst>
  </p:cSld>
  <p:clrMapOvr>
    <a:masterClrMapping/>
  </p:clrMapOvr>
  <p:transition>
    <p:fade/>
  </p:transition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7449255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987599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69211452"/>
      </p:ext>
    </p:extLst>
  </p:cSld>
  <p:clrMapOvr>
    <a:masterClrMapping/>
  </p:clrMapOvr>
  <p:transition>
    <p:fade/>
  </p:transition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9644830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122693293"/>
      </p:ext>
    </p:extLst>
  </p:cSld>
  <p:clrMapOvr>
    <a:masterClrMapping/>
  </p:clrMapOvr>
  <p:transition>
    <p:fade/>
  </p:transition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1267451"/>
      </p:ext>
    </p:extLst>
  </p:cSld>
  <p:clrMapOvr>
    <a:masterClrMapping/>
  </p:clrMapOvr>
  <p:transition>
    <p:fade/>
  </p:transition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1947289"/>
      </p:ext>
    </p:extLst>
  </p:cSld>
  <p:clrMapOvr>
    <a:masterClrMapping/>
  </p:clrMapOvr>
  <p:transition>
    <p:fade/>
  </p:transition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6452410"/>
      </p:ext>
    </p:extLst>
  </p:cSld>
  <p:clrMapOvr>
    <a:masterClrMapping/>
  </p:clrMapOvr>
  <p:transition>
    <p:fade/>
  </p:transition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9174275"/>
      </p:ext>
    </p:extLst>
  </p:cSld>
  <p:clrMapOvr>
    <a:masterClrMapping/>
  </p:clrMapOvr>
  <p:transition>
    <p:fade/>
  </p:transition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48687950"/>
      </p:ext>
    </p:extLst>
  </p:cSld>
  <p:clrMapOvr>
    <a:masterClrMapping/>
  </p:clrMapOvr>
  <p:transition>
    <p:fade/>
  </p:transition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1378326"/>
      </p:ext>
    </p:extLst>
  </p:cSld>
  <p:clrMapOvr>
    <a:masterClrMapping/>
  </p:clrMapOvr>
  <p:transition>
    <p:fade/>
  </p:transition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57242274"/>
      </p:ext>
    </p:extLst>
  </p:cSld>
  <p:clrMapOvr>
    <a:masterClrMapping/>
  </p:clrMapOvr>
  <p:transition>
    <p:fade/>
  </p:transition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64444714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32512724"/>
      </p:ext>
    </p:extLst>
  </p:cSld>
  <p:clrMapOvr>
    <a:masterClrMapping/>
  </p:clrMapOvr>
  <p:transition>
    <p:fade/>
  </p:transition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60564096"/>
      </p:ext>
    </p:extLst>
  </p:cSld>
  <p:clrMapOvr>
    <a:masterClrMapping/>
  </p:clrMapOvr>
  <p:transition>
    <p:fade/>
  </p:transition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8403875"/>
      </p:ext>
    </p:extLst>
  </p:cSld>
  <p:clrMapOvr>
    <a:masterClrMapping/>
  </p:clrMapOvr>
  <p:transition>
    <p:fade/>
  </p:transition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09099521"/>
      </p:ext>
    </p:extLst>
  </p:cSld>
  <p:clrMapOvr>
    <a:masterClrMapping/>
  </p:clrMapOvr>
  <p:transition>
    <p:fade/>
  </p:transition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46871325"/>
      </p:ext>
    </p:extLst>
  </p:cSld>
  <p:clrMapOvr>
    <a:masterClrMapping/>
  </p:clrMapOvr>
  <p:transition>
    <p:fade/>
  </p:transition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79314063"/>
      </p:ext>
    </p:extLst>
  </p:cSld>
  <p:clrMapOvr>
    <a:masterClrMapping/>
  </p:clrMapOvr>
  <p:transition>
    <p:fade/>
  </p:transition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84159399"/>
      </p:ext>
    </p:extLst>
  </p:cSld>
  <p:clrMapOvr>
    <a:masterClrMapping/>
  </p:clrMapOvr>
  <p:transition>
    <p:fade/>
  </p:transition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59160681"/>
      </p:ext>
    </p:extLst>
  </p:cSld>
  <p:clrMapOvr>
    <a:masterClrMapping/>
  </p:clrMapOvr>
  <p:transition>
    <p:fade/>
  </p:transition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3846444"/>
      </p:ext>
    </p:extLst>
  </p:cSld>
  <p:clrMapOvr>
    <a:masterClrMapping/>
  </p:clrMapOvr>
  <p:transition>
    <p:fade/>
  </p:transition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48153799"/>
      </p:ext>
    </p:extLst>
  </p:cSld>
  <p:clrMapOvr>
    <a:masterClrMapping/>
  </p:clrMapOvr>
  <p:transition>
    <p:fade/>
  </p:transition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05077198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12121708"/>
      </p:ext>
    </p:extLst>
  </p:cSld>
  <p:clrMapOvr>
    <a:masterClrMapping/>
  </p:clrMapOvr>
  <p:transition>
    <p:fade/>
  </p:transition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5025904"/>
      </p:ext>
    </p:extLst>
  </p:cSld>
  <p:clrMapOvr>
    <a:masterClrMapping/>
  </p:clrMapOvr>
  <p:transition>
    <p:fade/>
  </p:transition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5091190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63239442"/>
      </p:ext>
    </p:extLst>
  </p:cSld>
  <p:clrMapOvr>
    <a:masterClrMapping/>
  </p:clrMapOvr>
  <p:transition>
    <p:fade/>
  </p:transition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8518174"/>
      </p:ext>
    </p:extLst>
  </p:cSld>
  <p:clrMapOvr>
    <a:masterClrMapping/>
  </p:clrMapOvr>
  <p:transition>
    <p:fade/>
  </p:transition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1553674"/>
      </p:ext>
    </p:extLst>
  </p:cSld>
  <p:clrMapOvr>
    <a:masterClrMapping/>
  </p:clrMapOvr>
  <p:transition>
    <p:fade/>
  </p:transition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5298593"/>
      </p:ext>
    </p:extLst>
  </p:cSld>
  <p:clrMapOvr>
    <a:masterClrMapping/>
  </p:clrMapOvr>
  <p:transition>
    <p:fade/>
  </p:transition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559205"/>
      </p:ext>
    </p:extLst>
  </p:cSld>
  <p:clrMapOvr>
    <a:masterClrMapping/>
  </p:clrMapOvr>
  <p:transition>
    <p:fade/>
  </p:transition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91128575"/>
      </p:ext>
    </p:extLst>
  </p:cSld>
  <p:clrMapOvr>
    <a:masterClrMapping/>
  </p:clrMapOvr>
  <p:transition>
    <p:fade/>
  </p:transition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60474284"/>
      </p:ext>
    </p:extLst>
  </p:cSld>
  <p:clrMapOvr>
    <a:masterClrMapping/>
  </p:clrMapOvr>
  <p:transition>
    <p:fade/>
  </p:transition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8408945"/>
      </p:ext>
    </p:extLst>
  </p:cSld>
  <p:clrMapOvr>
    <a:masterClrMapping/>
  </p:clrMapOvr>
  <p:transition>
    <p:fade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92667618"/>
      </p:ext>
    </p:extLst>
  </p:cSld>
  <p:clrMapOvr>
    <a:masterClrMapping/>
  </p:clrMapOvr>
  <p:transition>
    <p:fade/>
  </p:transition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7086342"/>
      </p:ext>
    </p:extLst>
  </p:cSld>
  <p:clrMapOvr>
    <a:masterClrMapping/>
  </p:clrMapOvr>
  <p:transition>
    <p:fade/>
  </p:transition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650431"/>
      </p:ext>
    </p:extLst>
  </p:cSld>
  <p:clrMapOvr>
    <a:masterClrMapping/>
  </p:clrMapOvr>
  <p:transition>
    <p:fade/>
  </p:transition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65077880"/>
      </p:ext>
    </p:extLst>
  </p:cSld>
  <p:clrMapOvr>
    <a:masterClrMapping/>
  </p:clrMapOvr>
  <p:transition>
    <p:fade/>
  </p:transition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5858092"/>
      </p:ext>
    </p:extLst>
  </p:cSld>
  <p:clrMapOvr>
    <a:masterClrMapping/>
  </p:clrMapOvr>
  <p:transition>
    <p:fade/>
  </p:transition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4706824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367508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495157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984534942"/>
      </p:ext>
    </p:extLst>
  </p:cSld>
  <p:clrMapOvr>
    <a:masterClrMapping/>
  </p:clrMapOvr>
  <p:transition>
    <p:fade/>
  </p:transition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84712158"/>
      </p:ext>
    </p:extLst>
  </p:cSld>
  <p:clrMapOvr>
    <a:masterClrMapping/>
  </p:clrMapOvr>
  <p:transition>
    <p:fade/>
  </p:transition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42006251"/>
      </p:ext>
    </p:extLst>
  </p:cSld>
  <p:clrMapOvr>
    <a:masterClrMapping/>
  </p:clrMapOvr>
  <p:transition>
    <p:fade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91072946"/>
      </p:ext>
    </p:extLst>
  </p:cSld>
  <p:clrMapOvr>
    <a:masterClrMapping/>
  </p:clrMapOvr>
  <p:transition>
    <p:fade/>
  </p:transition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3323544"/>
      </p:ext>
    </p:extLst>
  </p:cSld>
  <p:clrMapOvr>
    <a:masterClrMapping/>
  </p:clrMapOvr>
  <p:transition>
    <p:fade/>
  </p:transition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33043245"/>
      </p:ext>
    </p:extLst>
  </p:cSld>
  <p:clrMapOvr>
    <a:masterClrMapping/>
  </p:clrMapOvr>
  <p:transition>
    <p:fade/>
  </p:transition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1523084"/>
      </p:ext>
    </p:extLst>
  </p:cSld>
  <p:clrMapOvr>
    <a:masterClrMapping/>
  </p:clrMapOvr>
  <p:transition>
    <p:fade/>
  </p:transition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40404060"/>
      </p:ext>
    </p:extLst>
  </p:cSld>
  <p:clrMapOvr>
    <a:masterClrMapping/>
  </p:clrMapOvr>
  <p:transition>
    <p:fade/>
  </p:transition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28933919"/>
      </p:ext>
    </p:extLst>
  </p:cSld>
  <p:clrMapOvr>
    <a:masterClrMapping/>
  </p:clrMapOvr>
  <p:transition>
    <p:fade/>
  </p:transition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72656150"/>
      </p:ext>
    </p:extLst>
  </p:cSld>
  <p:clrMapOvr>
    <a:masterClrMapping/>
  </p:clrMapOvr>
  <p:transition>
    <p:fade/>
  </p:transition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1246921"/>
      </p:ext>
    </p:extLst>
  </p:cSld>
  <p:clrMapOvr>
    <a:masterClrMapping/>
  </p:clrMapOvr>
  <p:transition>
    <p:fade/>
  </p:transition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0723246"/>
      </p:ext>
    </p:extLst>
  </p:cSld>
  <p:clrMapOvr>
    <a:masterClrMapping/>
  </p:clrMapOvr>
  <p:transition>
    <p:fade/>
  </p:transition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8657470"/>
      </p:ext>
    </p:extLst>
  </p:cSld>
  <p:clrMapOvr>
    <a:masterClrMapping/>
  </p:clrMapOvr>
  <p:transition>
    <p:fade/>
  </p:transition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52608691"/>
      </p:ext>
    </p:extLst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8157496"/>
      </p:ext>
    </p:extLst>
  </p:cSld>
  <p:clrMapOvr>
    <a:masterClrMapping/>
  </p:clrMapOvr>
  <p:transition>
    <p:fade/>
  </p:transition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4744001"/>
      </p:ext>
    </p:extLst>
  </p:cSld>
  <p:clrMapOvr>
    <a:masterClrMapping/>
  </p:clrMapOvr>
  <p:transition>
    <p:fade/>
  </p:transition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18268946"/>
      </p:ext>
    </p:extLst>
  </p:cSld>
  <p:clrMapOvr>
    <a:masterClrMapping/>
  </p:clrMapOvr>
  <p:transition>
    <p:fade/>
  </p:transition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17369093"/>
      </p:ext>
    </p:extLst>
  </p:cSld>
  <p:clrMapOvr>
    <a:masterClrMapping/>
  </p:clrMapOvr>
  <p:transition>
    <p:fade/>
  </p:transition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01634467"/>
      </p:ext>
    </p:extLst>
  </p:cSld>
  <p:clrMapOvr>
    <a:masterClrMapping/>
  </p:clrMapOvr>
  <p:transition>
    <p:fade/>
  </p:transition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8809549"/>
      </p:ext>
    </p:extLst>
  </p:cSld>
  <p:clrMapOvr>
    <a:masterClrMapping/>
  </p:clrMapOvr>
  <p:transition>
    <p:fade/>
  </p:transition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19988268"/>
      </p:ext>
    </p:extLst>
  </p:cSld>
  <p:clrMapOvr>
    <a:masterClrMapping/>
  </p:clrMapOvr>
  <p:transition>
    <p:fade/>
  </p:transition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0540300"/>
      </p:ext>
    </p:extLst>
  </p:cSld>
  <p:clrMapOvr>
    <a:masterClrMapping/>
  </p:clrMapOvr>
  <p:transition>
    <p:fade/>
  </p:transition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5743628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54507282"/>
      </p:ext>
    </p:extLst>
  </p:cSld>
  <p:clrMapOvr>
    <a:masterClrMapping/>
  </p:clrMapOvr>
  <p:transition>
    <p:fade/>
  </p:transition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7479060"/>
      </p:ext>
    </p:extLst>
  </p:cSld>
  <p:clrMapOvr>
    <a:masterClrMapping/>
  </p:clrMapOvr>
  <p:transition>
    <p:fade/>
  </p:transition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8157427"/>
      </p:ext>
    </p:extLst>
  </p:cSld>
  <p:clrMapOvr>
    <a:masterClrMapping/>
  </p:clrMapOvr>
  <p:transition>
    <p:fade/>
  </p:transition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18731677"/>
      </p:ext>
    </p:extLst>
  </p:cSld>
  <p:clrMapOvr>
    <a:masterClrMapping/>
  </p:clrMapOvr>
  <p:transition>
    <p:fade/>
  </p:transition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67200587"/>
      </p:ext>
    </p:extLst>
  </p:cSld>
  <p:clrMapOvr>
    <a:masterClrMapping/>
  </p:clrMapOvr>
  <p:transition>
    <p:fade/>
  </p:transition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1598497"/>
      </p:ext>
    </p:extLst>
  </p:cSld>
  <p:clrMapOvr>
    <a:masterClrMapping/>
  </p:clrMapOvr>
  <p:transition>
    <p:fade/>
  </p:transition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7629911"/>
      </p:ext>
    </p:extLst>
  </p:cSld>
  <p:clrMapOvr>
    <a:masterClrMapping/>
  </p:clrMapOvr>
  <p:transition>
    <p:fade/>
  </p:transition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937814"/>
      </p:ext>
    </p:extLst>
  </p:cSld>
  <p:clrMapOvr>
    <a:masterClrMapping/>
  </p:clrMapOvr>
  <p:transition>
    <p:fade/>
  </p:transition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0494966"/>
      </p:ext>
    </p:extLst>
  </p:cSld>
  <p:clrMapOvr>
    <a:masterClrMapping/>
  </p:clrMapOvr>
  <p:transition>
    <p:fade/>
  </p:transition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30973318"/>
      </p:ext>
    </p:extLst>
  </p:cSld>
  <p:clrMapOvr>
    <a:masterClrMapping/>
  </p:clrMapOvr>
  <p:transition>
    <p:fade/>
  </p:transition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42054021"/>
      </p:ext>
    </p:extLst>
  </p:cSld>
  <p:clrMapOvr>
    <a:masterClrMapping/>
  </p:clrMapOvr>
  <p:transition>
    <p:fade/>
  </p:transition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1168820"/>
      </p:ext>
    </p:extLst>
  </p:cSld>
  <p:clrMapOvr>
    <a:masterClrMapping/>
  </p:clrMapOvr>
  <p:transition>
    <p:fade/>
  </p:transition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27415615"/>
      </p:ext>
    </p:extLst>
  </p:cSld>
  <p:clrMapOvr>
    <a:masterClrMapping/>
  </p:clrMapOvr>
  <p:transition>
    <p:fade/>
  </p:transition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81609584"/>
      </p:ext>
    </p:extLst>
  </p:cSld>
  <p:clrMapOvr>
    <a:masterClrMapping/>
  </p:clrMapOvr>
  <p:transition>
    <p:fade/>
  </p:transition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9686414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8210755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305522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376957374"/>
      </p:ext>
    </p:extLst>
  </p:cSld>
  <p:clrMapOvr>
    <a:masterClrMapping/>
  </p:clrMapOvr>
  <p:transition>
    <p:fade/>
  </p:transition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5040818"/>
      </p:ext>
    </p:extLst>
  </p:cSld>
  <p:clrMapOvr>
    <a:masterClrMapping/>
  </p:clrMapOvr>
  <p:transition>
    <p:fade/>
  </p:transition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68982126"/>
      </p:ext>
    </p:extLst>
  </p:cSld>
  <p:clrMapOvr>
    <a:masterClrMapping/>
  </p:clrMapOvr>
  <p:transition>
    <p:fade/>
  </p:transition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373275"/>
      </p:ext>
    </p:extLst>
  </p:cSld>
  <p:clrMapOvr>
    <a:masterClrMapping/>
  </p:clrMapOvr>
  <p:transition>
    <p:fade/>
  </p:transition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73683"/>
      </p:ext>
    </p:extLst>
  </p:cSld>
  <p:clrMapOvr>
    <a:masterClrMapping/>
  </p:clrMapOvr>
  <p:transition>
    <p:fade/>
  </p:transition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6719160"/>
      </p:ext>
    </p:extLst>
  </p:cSld>
  <p:clrMapOvr>
    <a:masterClrMapping/>
  </p:clrMapOvr>
  <p:transition>
    <p:fade/>
  </p:transition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4906817"/>
      </p:ext>
    </p:extLst>
  </p:cSld>
  <p:clrMapOvr>
    <a:masterClrMapping/>
  </p:clrMapOvr>
  <p:transition>
    <p:fade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70081277"/>
      </p:ext>
    </p:extLst>
  </p:cSld>
  <p:clrMapOvr>
    <a:masterClrMapping/>
  </p:clrMapOvr>
  <p:transition>
    <p:fade/>
  </p:transition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52697706"/>
      </p:ext>
    </p:extLst>
  </p:cSld>
  <p:clrMapOvr>
    <a:masterClrMapping/>
  </p:clrMapOvr>
  <p:transition>
    <p:fade/>
  </p:transition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70616182"/>
      </p:ext>
    </p:extLst>
  </p:cSld>
  <p:clrMapOvr>
    <a:masterClrMapping/>
  </p:clrMapOvr>
  <p:transition>
    <p:fade/>
  </p:transition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80320692"/>
      </p:ext>
    </p:extLst>
  </p:cSld>
  <p:clrMapOvr>
    <a:masterClrMapping/>
  </p:clrMapOvr>
  <p:transition>
    <p:fade/>
  </p:transition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91178518"/>
      </p:ext>
    </p:extLst>
  </p:cSld>
  <p:clrMapOvr>
    <a:masterClrMapping/>
  </p:clrMapOvr>
  <p:transition>
    <p:fade/>
  </p:transition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24243476"/>
      </p:ext>
    </p:extLst>
  </p:cSld>
  <p:clrMapOvr>
    <a:masterClrMapping/>
  </p:clrMapOvr>
  <p:transition>
    <p:fade/>
  </p:transition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12261107"/>
      </p:ext>
    </p:extLst>
  </p:cSld>
  <p:clrMapOvr>
    <a:masterClrMapping/>
  </p:clrMapOvr>
  <p:transition>
    <p:fade/>
  </p:transition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1143065"/>
      </p:ext>
    </p:extLst>
  </p:cSld>
  <p:clrMapOvr>
    <a:masterClrMapping/>
  </p:clrMapOvr>
  <p:transition>
    <p:fade/>
  </p:transition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68269521"/>
      </p:ext>
    </p:extLst>
  </p:cSld>
  <p:clrMapOvr>
    <a:masterClrMapping/>
  </p:clrMapOvr>
  <p:transition>
    <p:fade/>
  </p:transition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99323193"/>
      </p:ext>
    </p:extLst>
  </p:cSld>
  <p:clrMapOvr>
    <a:masterClrMapping/>
  </p:clrMapOvr>
  <p:transition>
    <p:fade/>
  </p:transition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06814476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3F3A7DE8-9724-4106-BA81-797FD9F2503A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3E6AB5ED-AC68-43F9-892A-96847FEE650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D5C79ADD-39CA-4F8D-9D3C-3D7D24601EB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3162352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34490802"/>
      </p:ext>
    </p:extLst>
  </p:cSld>
  <p:clrMapOvr>
    <a:masterClrMapping/>
  </p:clrMapOvr>
  <p:transition>
    <p:fade/>
  </p:transition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3186323"/>
      </p:ext>
    </p:extLst>
  </p:cSld>
  <p:clrMapOvr>
    <a:masterClrMapping/>
  </p:clrMapOvr>
  <p:transition>
    <p:fade/>
  </p:transition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90215680"/>
      </p:ext>
    </p:extLst>
  </p:cSld>
  <p:clrMapOvr>
    <a:masterClrMapping/>
  </p:clrMapOvr>
  <p:transition>
    <p:fade/>
  </p:transition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6798529"/>
      </p:ext>
    </p:extLst>
  </p:cSld>
  <p:clrMapOvr>
    <a:masterClrMapping/>
  </p:clrMapOvr>
  <p:transition>
    <p:fade/>
  </p:transition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083187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8829820"/>
      </p:ext>
    </p:extLst>
  </p:cSld>
  <p:clrMapOvr>
    <a:masterClrMapping/>
  </p:clrMapOvr>
  <p:transition>
    <p:fade/>
  </p:transition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8934603"/>
      </p:ext>
    </p:extLst>
  </p:cSld>
  <p:clrMapOvr>
    <a:masterClrMapping/>
  </p:clrMapOvr>
  <p:transition>
    <p:fade/>
  </p:transition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85107517"/>
      </p:ext>
    </p:extLst>
  </p:cSld>
  <p:clrMapOvr>
    <a:masterClrMapping/>
  </p:clrMapOvr>
  <p:transition>
    <p:fade/>
  </p:transition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95502249"/>
      </p:ext>
    </p:extLst>
  </p:cSld>
  <p:clrMapOvr>
    <a:masterClrMapping/>
  </p:clrMapOvr>
  <p:transition>
    <p:fade/>
  </p:transition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55086734"/>
      </p:ext>
    </p:extLst>
  </p:cSld>
  <p:clrMapOvr>
    <a:masterClrMapping/>
  </p:clrMapOvr>
  <p:transition>
    <p:fade/>
  </p:transition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59931175"/>
      </p:ext>
    </p:extLst>
  </p:cSld>
  <p:clrMapOvr>
    <a:masterClrMapping/>
  </p:clrMapOvr>
  <p:transition>
    <p:fad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1558865"/>
      </p:ext>
    </p:extLst>
  </p:cSld>
  <p:clrMapOvr>
    <a:masterClrMapping/>
  </p:clrMapOvr>
  <p:transition>
    <p:fade/>
  </p:transition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168790"/>
      </p:ext>
    </p:extLst>
  </p:cSld>
  <p:clrMapOvr>
    <a:masterClrMapping/>
  </p:clrMapOvr>
  <p:transition>
    <p:fade/>
  </p:transition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2971104"/>
      </p:ext>
    </p:extLst>
  </p:cSld>
  <p:clrMapOvr>
    <a:masterClrMapping/>
  </p:clrMapOvr>
  <p:transition>
    <p:fade/>
  </p:transition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46433778"/>
      </p:ext>
    </p:extLst>
  </p:cSld>
  <p:clrMapOvr>
    <a:masterClrMapping/>
  </p:clrMapOvr>
  <p:transition>
    <p:fade/>
  </p:transition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61986999"/>
      </p:ext>
    </p:extLst>
  </p:cSld>
  <p:clrMapOvr>
    <a:masterClrMapping/>
  </p:clrMapOvr>
  <p:transition>
    <p:fade/>
  </p:transition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69600243"/>
      </p:ext>
    </p:extLst>
  </p:cSld>
  <p:clrMapOvr>
    <a:masterClrMapping/>
  </p:clrMapOvr>
  <p:transition>
    <p:fade/>
  </p:transition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08145157"/>
      </p:ext>
    </p:extLst>
  </p:cSld>
  <p:clrMapOvr>
    <a:masterClrMapping/>
  </p:clrMapOvr>
  <p:transition>
    <p:fade/>
  </p:transition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534503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848048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191498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046257526"/>
      </p:ext>
    </p:extLst>
  </p:cSld>
  <p:clrMapOvr>
    <a:masterClrMapping/>
  </p:clrMapOvr>
  <p:transition>
    <p:fade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835017"/>
      </p:ext>
    </p:extLst>
  </p:cSld>
  <p:clrMapOvr>
    <a:masterClrMapping/>
  </p:clrMapOvr>
  <p:transition>
    <p:fade/>
  </p:transition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21265045"/>
      </p:ext>
    </p:extLst>
  </p:cSld>
  <p:clrMapOvr>
    <a:masterClrMapping/>
  </p:clrMapOvr>
  <p:transition>
    <p:fade/>
  </p:transition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3890577"/>
      </p:ext>
    </p:extLst>
  </p:cSld>
  <p:clrMapOvr>
    <a:masterClrMapping/>
  </p:clrMapOvr>
  <p:transition>
    <p:fade/>
  </p:transition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57070978"/>
      </p:ext>
    </p:extLst>
  </p:cSld>
  <p:clrMapOvr>
    <a:masterClrMapping/>
  </p:clrMapOvr>
  <p:transition>
    <p:fade/>
  </p:transition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5451050"/>
      </p:ext>
    </p:extLst>
  </p:cSld>
  <p:clrMapOvr>
    <a:masterClrMapping/>
  </p:clrMapOvr>
  <p:transition>
    <p:fade/>
  </p:transition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85787367"/>
      </p:ext>
    </p:extLst>
  </p:cSld>
  <p:clrMapOvr>
    <a:masterClrMapping/>
  </p:clrMapOvr>
  <p:transition>
    <p:fade/>
  </p:transition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18955857"/>
      </p:ext>
    </p:extLst>
  </p:cSld>
  <p:clrMapOvr>
    <a:masterClrMapping/>
  </p:clrMapOvr>
  <p:transition>
    <p:fade/>
  </p:transition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815893"/>
      </p:ext>
    </p:extLst>
  </p:cSld>
  <p:clrMapOvr>
    <a:masterClrMapping/>
  </p:clrMapOvr>
  <p:transition>
    <p:fade/>
  </p:transition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97260648"/>
      </p:ext>
    </p:extLst>
  </p:cSld>
  <p:clrMapOvr>
    <a:masterClrMapping/>
  </p:clrMapOvr>
  <p:transition>
    <p:fade/>
  </p:transition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18674771"/>
      </p:ext>
    </p:extLst>
  </p:cSld>
  <p:clrMapOvr>
    <a:masterClrMapping/>
  </p:clrMapOvr>
  <p:transition>
    <p:fade/>
  </p:transition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71449312"/>
      </p:ext>
    </p:extLst>
  </p:cSld>
  <p:clrMapOvr>
    <a:masterClrMapping/>
  </p:clrMapOvr>
  <p:transition>
    <p:fade/>
  </p:transition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6128373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42234373"/>
      </p:ext>
    </p:extLst>
  </p:cSld>
  <p:clrMapOvr>
    <a:masterClrMapping/>
  </p:clrMapOvr>
  <p:transition>
    <p:fade/>
  </p:transition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5824950"/>
      </p:ext>
    </p:extLst>
  </p:cSld>
  <p:clrMapOvr>
    <a:masterClrMapping/>
  </p:clrMapOvr>
  <p:transition>
    <p:fade/>
  </p:transition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79090336"/>
      </p:ext>
    </p:extLst>
  </p:cSld>
  <p:clrMapOvr>
    <a:masterClrMapping/>
  </p:clrMapOvr>
  <p:transition>
    <p:fade/>
  </p:transition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1629766"/>
      </p:ext>
    </p:extLst>
  </p:cSld>
  <p:clrMapOvr>
    <a:masterClrMapping/>
  </p:clrMapOvr>
  <p:transition>
    <p:fade/>
  </p:transition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430838"/>
      </p:ext>
    </p:extLst>
  </p:cSld>
  <p:clrMapOvr>
    <a:masterClrMapping/>
  </p:clrMapOvr>
  <p:transition>
    <p:fade/>
  </p:transition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25007778"/>
      </p:ext>
    </p:extLst>
  </p:cSld>
  <p:clrMapOvr>
    <a:masterClrMapping/>
  </p:clrMapOvr>
  <p:transition>
    <p:fade/>
  </p:transition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5191716"/>
      </p:ext>
    </p:extLst>
  </p:cSld>
  <p:clrMapOvr>
    <a:masterClrMapping/>
  </p:clrMapOvr>
  <p:transition>
    <p:fade/>
  </p:transition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30812393"/>
      </p:ext>
    </p:extLst>
  </p:cSld>
  <p:clrMapOvr>
    <a:masterClrMapping/>
  </p:clrMapOvr>
  <p:transition>
    <p:fade/>
  </p:transition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2928522"/>
      </p:ext>
    </p:extLst>
  </p:cSld>
  <p:clrMapOvr>
    <a:masterClrMapping/>
  </p:clrMapOvr>
  <p:transition>
    <p:fade/>
  </p:transition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25798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64876992"/>
      </p:ext>
    </p:extLst>
  </p:cSld>
  <p:clrMapOvr>
    <a:masterClrMapping/>
  </p:clrMapOvr>
  <p:transition>
    <p:fade/>
  </p:transition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01662568"/>
      </p:ext>
    </p:extLst>
  </p:cSld>
  <p:clrMapOvr>
    <a:masterClrMapping/>
  </p:clrMapOvr>
  <p:transition>
    <p:fade/>
  </p:transition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8731876"/>
      </p:ext>
    </p:extLst>
  </p:cSld>
  <p:clrMapOvr>
    <a:masterClrMapping/>
  </p:clrMapOvr>
  <p:transition>
    <p:fade/>
  </p:transition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97296914"/>
      </p:ext>
    </p:extLst>
  </p:cSld>
  <p:clrMapOvr>
    <a:masterClrMapping/>
  </p:clrMapOvr>
  <p:transition>
    <p:fade/>
  </p:transition>
</p:sldLayout>
</file>

<file path=ppt/slideLayouts/slideLayout2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36359866"/>
      </p:ext>
    </p:extLst>
  </p:cSld>
  <p:clrMapOvr>
    <a:masterClrMapping/>
  </p:clrMapOvr>
  <p:transition>
    <p:fade/>
  </p:transition>
</p:sldLayout>
</file>

<file path=ppt/slideLayouts/slideLayout2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70850443"/>
      </p:ext>
    </p:extLst>
  </p:cSld>
  <p:clrMapOvr>
    <a:masterClrMapping/>
  </p:clrMapOvr>
  <p:transition>
    <p:fade/>
  </p:transition>
</p:sldLayout>
</file>

<file path=ppt/slideLayouts/slideLayout2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5390463"/>
      </p:ext>
    </p:extLst>
  </p:cSld>
  <p:clrMapOvr>
    <a:masterClrMapping/>
  </p:clrMapOvr>
  <p:transition>
    <p:fade/>
  </p:transition>
</p:sldLayout>
</file>

<file path=ppt/slideLayouts/slideLayout2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09036328"/>
      </p:ext>
    </p:extLst>
  </p:cSld>
  <p:clrMapOvr>
    <a:masterClrMapping/>
  </p:clrMapOvr>
  <p:transition>
    <p:fade/>
  </p:transition>
</p:sldLayout>
</file>

<file path=ppt/slideLayouts/slideLayout2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54182842"/>
      </p:ext>
    </p:extLst>
  </p:cSld>
  <p:clrMapOvr>
    <a:masterClrMapping/>
  </p:clrMapOvr>
  <p:transition>
    <p:fade/>
  </p:transition>
</p:sldLayout>
</file>

<file path=ppt/slideLayouts/slideLayout2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04561567"/>
      </p:ext>
    </p:extLst>
  </p:cSld>
  <p:clrMapOvr>
    <a:masterClrMapping/>
  </p:clrMapOvr>
  <p:transition>
    <p:fade/>
  </p:transition>
</p:sldLayout>
</file>

<file path=ppt/slideLayouts/slideLayout2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2399099"/>
      </p:ext>
    </p:extLst>
  </p:cSld>
  <p:clrMapOvr>
    <a:masterClrMapping/>
  </p:clrMapOvr>
  <p:transition>
    <p:fade/>
  </p:transition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62107187"/>
      </p:ext>
    </p:extLst>
  </p:cSld>
  <p:clrMapOvr>
    <a:masterClrMapping/>
  </p:clrMapOvr>
  <p:transition>
    <p:fade/>
  </p:transition>
</p:sldLayout>
</file>

<file path=ppt/slideLayouts/slideLayout2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7359587"/>
      </p:ext>
    </p:extLst>
  </p:cSld>
  <p:clrMapOvr>
    <a:masterClrMapping/>
  </p:clrMapOvr>
  <p:transition>
    <p:fade/>
  </p:transition>
</p:sldLayout>
</file>

<file path=ppt/slideLayouts/slideLayout2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23450470"/>
      </p:ext>
    </p:extLst>
  </p:cSld>
  <p:clrMapOvr>
    <a:masterClrMapping/>
  </p:clrMapOvr>
  <p:transition>
    <p:fade/>
  </p:transition>
</p:sldLayout>
</file>

<file path=ppt/slideLayouts/slideLayout2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581367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03701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243768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2140495851"/>
      </p:ext>
    </p:extLst>
  </p:cSld>
  <p:clrMapOvr>
    <a:masterClrMapping/>
  </p:clrMapOvr>
  <p:transition>
    <p:fade/>
  </p:transition>
</p:sldLayout>
</file>

<file path=ppt/slideLayouts/slideLayout2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98329830"/>
      </p:ext>
    </p:extLst>
  </p:cSld>
  <p:clrMapOvr>
    <a:masterClrMapping/>
  </p:clrMapOvr>
  <p:transition>
    <p:fade/>
  </p:transition>
</p:sldLayout>
</file>

<file path=ppt/slideLayouts/slideLayout2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9178655"/>
      </p:ext>
    </p:extLst>
  </p:cSld>
  <p:clrMapOvr>
    <a:masterClrMapping/>
  </p:clrMapOvr>
  <p:transition>
    <p:fade/>
  </p:transition>
</p:sldLayout>
</file>

<file path=ppt/slideLayouts/slideLayout2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3248126"/>
      </p:ext>
    </p:extLst>
  </p:cSld>
  <p:clrMapOvr>
    <a:masterClrMapping/>
  </p:clrMapOvr>
  <p:transition>
    <p:fade/>
  </p:transition>
</p:sldLayout>
</file>

<file path=ppt/slideLayouts/slideLayout2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73732132"/>
      </p:ext>
    </p:extLst>
  </p:cSld>
  <p:clrMapOvr>
    <a:masterClrMapping/>
  </p:clrMapOvr>
  <p:transition>
    <p:fade/>
  </p:transition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88244129"/>
      </p:ext>
    </p:extLst>
  </p:cSld>
  <p:clrMapOvr>
    <a:masterClrMapping/>
  </p:clrMapOvr>
  <p:transition>
    <p:fade/>
  </p:transition>
</p:sldLayout>
</file>

<file path=ppt/slideLayouts/slideLayout2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81230915"/>
      </p:ext>
    </p:extLst>
  </p:cSld>
  <p:clrMapOvr>
    <a:masterClrMapping/>
  </p:clrMapOvr>
  <p:transition>
    <p:fade/>
  </p:transition>
</p:sldLayout>
</file>

<file path=ppt/slideLayouts/slideLayout2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8882779"/>
      </p:ext>
    </p:extLst>
  </p:cSld>
  <p:clrMapOvr>
    <a:masterClrMapping/>
  </p:clrMapOvr>
  <p:transition>
    <p:fade/>
  </p:transition>
</p:sldLayout>
</file>

<file path=ppt/slideLayouts/slideLayout2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6168805"/>
      </p:ext>
    </p:extLst>
  </p:cSld>
  <p:clrMapOvr>
    <a:masterClrMapping/>
  </p:clrMapOvr>
  <p:transition>
    <p:fade/>
  </p:transition>
</p:sldLayout>
</file>

<file path=ppt/slideLayouts/slideLayout2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84052230"/>
      </p:ext>
    </p:extLst>
  </p:cSld>
  <p:clrMapOvr>
    <a:masterClrMapping/>
  </p:clrMapOvr>
  <p:transition>
    <p:fade/>
  </p:transition>
</p:sldLayout>
</file>

<file path=ppt/slideLayouts/slideLayout2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8252159"/>
      </p:ext>
    </p:extLst>
  </p:cSld>
  <p:clrMapOvr>
    <a:masterClrMapping/>
  </p:clrMapOvr>
  <p:transition>
    <p:fade/>
  </p:transition>
</p:sldLayout>
</file>

<file path=ppt/slideLayouts/slideLayout2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47968650"/>
      </p:ext>
    </p:extLst>
  </p:cSld>
  <p:clrMapOvr>
    <a:masterClrMapping/>
  </p:clrMapOvr>
  <p:transition>
    <p:fade/>
  </p:transition>
</p:sldLayout>
</file>

<file path=ppt/slideLayouts/slideLayout2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07640352"/>
      </p:ext>
    </p:extLst>
  </p:cSld>
  <p:clrMapOvr>
    <a:masterClrMapping/>
  </p:clrMapOvr>
  <p:transition>
    <p:fade/>
  </p:transition>
</p:sldLayout>
</file>

<file path=ppt/slideLayouts/slideLayout2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2641423"/>
      </p:ext>
    </p:extLst>
  </p:cSld>
  <p:clrMapOvr>
    <a:masterClrMapping/>
  </p:clrMapOvr>
  <p:transition>
    <p:fade/>
  </p:transition>
</p:sldLayout>
</file>

<file path=ppt/slideLayouts/slideLayout2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72068665"/>
      </p:ext>
    </p:extLst>
  </p:cSld>
  <p:clrMapOvr>
    <a:masterClrMapping/>
  </p:clrMapOvr>
  <p:transition>
    <p:fade/>
  </p:transition>
</p:sldLayout>
</file>

<file path=ppt/slideLayouts/slideLayout2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72693913"/>
      </p:ext>
    </p:extLst>
  </p:cSld>
  <p:clrMapOvr>
    <a:masterClrMapping/>
  </p:clrMapOvr>
  <p:transition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74260628"/>
      </p:ext>
    </p:extLst>
  </p:cSld>
  <p:clrMapOvr>
    <a:masterClrMapping/>
  </p:clrMapOvr>
  <p:transition>
    <p:fade/>
  </p:transition>
</p:sldLayout>
</file>

<file path=ppt/slideLayouts/slideLayout2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7482889"/>
      </p:ext>
    </p:extLst>
  </p:cSld>
  <p:clrMapOvr>
    <a:masterClrMapping/>
  </p:clrMapOvr>
  <p:transition>
    <p:fade/>
  </p:transition>
</p:sldLayout>
</file>

<file path=ppt/slideLayouts/slideLayout2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4626559"/>
      </p:ext>
    </p:extLst>
  </p:cSld>
  <p:clrMapOvr>
    <a:masterClrMapping/>
  </p:clrMapOvr>
  <p:transition>
    <p:fade/>
  </p:transition>
</p:sldLayout>
</file>

<file path=ppt/slideLayouts/slideLayout2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3813265"/>
      </p:ext>
    </p:extLst>
  </p:cSld>
  <p:clrMapOvr>
    <a:masterClrMapping/>
  </p:clrMapOvr>
  <p:transition>
    <p:fade/>
  </p:transition>
</p:sldLayout>
</file>

<file path=ppt/slideLayouts/slideLayout2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6303749"/>
      </p:ext>
    </p:extLst>
  </p:cSld>
  <p:clrMapOvr>
    <a:masterClrMapping/>
  </p:clrMapOvr>
  <p:transition>
    <p:fade/>
  </p:transition>
</p:sldLayout>
</file>

<file path=ppt/slideLayouts/slideLayout2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2352807"/>
      </p:ext>
    </p:extLst>
  </p:cSld>
  <p:clrMapOvr>
    <a:masterClrMapping/>
  </p:clrMapOvr>
  <p:transition>
    <p:fade/>
  </p:transition>
</p:sldLayout>
</file>

<file path=ppt/slideLayouts/slideLayout2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352183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219586"/>
      </p:ext>
    </p:extLst>
  </p:cSld>
  <p:clrMapOvr>
    <a:masterClrMapping/>
  </p:clrMapOvr>
  <p:transition>
    <p:fade/>
  </p:transition>
</p:sldLayout>
</file>

<file path=ppt/slideLayouts/slideLayout2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62381607"/>
      </p:ext>
    </p:extLst>
  </p:cSld>
  <p:clrMapOvr>
    <a:masterClrMapping/>
  </p:clrMapOvr>
  <p:transition>
    <p:fade/>
  </p:transition>
</p:sldLayout>
</file>

<file path=ppt/slideLayouts/slideLayout2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80863302"/>
      </p:ext>
    </p:extLst>
  </p:cSld>
  <p:clrMapOvr>
    <a:masterClrMapping/>
  </p:clrMapOvr>
  <p:transition>
    <p:fade/>
  </p:transition>
</p:sldLayout>
</file>

<file path=ppt/slideLayouts/slideLayout2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40950119"/>
      </p:ext>
    </p:extLst>
  </p:cSld>
  <p:clrMapOvr>
    <a:masterClrMapping/>
  </p:clrMapOvr>
  <p:transition>
    <p:fade/>
  </p:transition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13330030"/>
      </p:ext>
    </p:extLst>
  </p:cSld>
  <p:clrMapOvr>
    <a:masterClrMapping/>
  </p:clrMapOvr>
  <p:transition>
    <p:fade/>
  </p:transition>
</p:sldLayout>
</file>

<file path=ppt/slideLayouts/slideLayout2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96909109"/>
      </p:ext>
    </p:extLst>
  </p:cSld>
  <p:clrMapOvr>
    <a:masterClrMapping/>
  </p:clrMapOvr>
  <p:transition>
    <p:fade/>
  </p:transition>
</p:sldLayout>
</file>

<file path=ppt/slideLayouts/slideLayout2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49820966"/>
      </p:ext>
    </p:extLst>
  </p:cSld>
  <p:clrMapOvr>
    <a:masterClrMapping/>
  </p:clrMapOvr>
  <p:transition>
    <p:fade/>
  </p:transition>
</p:sldLayout>
</file>

<file path=ppt/slideLayouts/slideLayout2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2177487"/>
      </p:ext>
    </p:extLst>
  </p:cSld>
  <p:clrMapOvr>
    <a:masterClrMapping/>
  </p:clrMapOvr>
  <p:transition>
    <p:fade/>
  </p:transition>
</p:sldLayout>
</file>

<file path=ppt/slideLayouts/slideLayout2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8934341"/>
      </p:ext>
    </p:extLst>
  </p:cSld>
  <p:clrMapOvr>
    <a:masterClrMapping/>
  </p:clrMapOvr>
  <p:transition>
    <p:fade/>
  </p:transition>
</p:sldLayout>
</file>

<file path=ppt/slideLayouts/slideLayout2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43436340"/>
      </p:ext>
    </p:extLst>
  </p:cSld>
  <p:clrMapOvr>
    <a:masterClrMapping/>
  </p:clrMapOvr>
  <p:transition>
    <p:fade/>
  </p:transition>
</p:sldLayout>
</file>

<file path=ppt/slideLayouts/slideLayout2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76974750"/>
      </p:ext>
    </p:extLst>
  </p:cSld>
  <p:clrMapOvr>
    <a:masterClrMapping/>
  </p:clrMapOvr>
  <p:transition>
    <p:fade/>
  </p:transition>
</p:sldLayout>
</file>

<file path=ppt/slideLayouts/slideLayout2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7942185"/>
      </p:ext>
    </p:extLst>
  </p:cSld>
  <p:clrMapOvr>
    <a:masterClrMapping/>
  </p:clrMapOvr>
  <p:transition>
    <p:fade/>
  </p:transition>
</p:sldLayout>
</file>

<file path=ppt/slideLayouts/slideLayout2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32204971"/>
      </p:ext>
    </p:extLst>
  </p:cSld>
  <p:clrMapOvr>
    <a:masterClrMapping/>
  </p:clrMapOvr>
  <p:transition>
    <p:fade/>
  </p:transition>
</p:sldLayout>
</file>

<file path=ppt/slideLayouts/slideLayout2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5866524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3226507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76707796"/>
      </p:ext>
    </p:extLst>
  </p:cSld>
  <p:clrMapOvr>
    <a:masterClrMapping/>
  </p:clrMapOvr>
  <p:transition>
    <p:fade/>
  </p:transition>
</p:sldLayout>
</file>

<file path=ppt/slideLayouts/slideLayout2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528930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2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4010633059"/>
      </p:ext>
    </p:extLst>
  </p:cSld>
  <p:clrMapOvr>
    <a:masterClrMapping/>
  </p:clrMapOvr>
  <p:transition>
    <p:fade/>
  </p:transition>
</p:sldLayout>
</file>

<file path=ppt/slideLayouts/slideLayout2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851198"/>
      </p:ext>
    </p:extLst>
  </p:cSld>
  <p:clrMapOvr>
    <a:masterClrMapping/>
  </p:clrMapOvr>
  <p:transition>
    <p:fade/>
  </p:transition>
</p:sldLayout>
</file>

<file path=ppt/slideLayouts/slideLayout2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2281095"/>
      </p:ext>
    </p:extLst>
  </p:cSld>
  <p:clrMapOvr>
    <a:masterClrMapping/>
  </p:clrMapOvr>
  <p:transition>
    <p:fade/>
  </p:transition>
</p:sldLayout>
</file>

<file path=ppt/slideLayouts/slideLayout2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52251882"/>
      </p:ext>
    </p:extLst>
  </p:cSld>
  <p:clrMapOvr>
    <a:masterClrMapping/>
  </p:clrMapOvr>
  <p:transition>
    <p:fade/>
  </p:transition>
</p:sldLayout>
</file>

<file path=ppt/slideLayouts/slideLayout2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02351937"/>
      </p:ext>
    </p:extLst>
  </p:cSld>
  <p:clrMapOvr>
    <a:masterClrMapping/>
  </p:clrMapOvr>
  <p:transition>
    <p:fade/>
  </p:transition>
</p:sldLayout>
</file>

<file path=ppt/slideLayouts/slideLayout2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36776135"/>
      </p:ext>
    </p:extLst>
  </p:cSld>
  <p:clrMapOvr>
    <a:masterClrMapping/>
  </p:clrMapOvr>
  <p:transition>
    <p:fade/>
  </p:transition>
</p:sldLayout>
</file>

<file path=ppt/slideLayouts/slideLayout2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90796107"/>
      </p:ext>
    </p:extLst>
  </p:cSld>
  <p:clrMapOvr>
    <a:masterClrMapping/>
  </p:clrMapOvr>
  <p:transition>
    <p:fade/>
  </p:transition>
</p:sldLayout>
</file>

<file path=ppt/slideLayouts/slideLayout2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6437285"/>
      </p:ext>
    </p:extLst>
  </p:cSld>
  <p:clrMapOvr>
    <a:masterClrMapping/>
  </p:clrMapOvr>
  <p:transition>
    <p:fade/>
  </p:transition>
</p:sldLayout>
</file>

<file path=ppt/slideLayouts/slideLayout2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07777320"/>
      </p:ext>
    </p:extLst>
  </p:cSld>
  <p:clrMapOvr>
    <a:masterClrMapping/>
  </p:clrMapOvr>
  <p:transition>
    <p:fade/>
  </p:transition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6" name="Date Placeholder 1">
            <a:extLst>
              <a:ext uri="{FF2B5EF4-FFF2-40B4-BE49-F238E27FC236}">
                <a16:creationId xmlns:a16="http://schemas.microsoft.com/office/drawing/2014/main" id="{E1F103D4-9810-4D48-AFDA-9EF3AFC5E824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gray">
          <a:xfrm>
            <a:off x="8062912" y="5256683"/>
            <a:ext cx="577325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E2F4D754-A9F1-41F2-9E4E-A0334A4EAF66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FAD6684A-4B10-40F9-AD08-FDD1439B53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gray">
          <a:xfrm>
            <a:off x="863733" y="5256683"/>
            <a:ext cx="2304001" cy="72053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r>
              <a:rPr lang="en-US"/>
              <a:t>2021 ADIDAS AG</a:t>
            </a:r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E04BF363-2E9E-4845-AF8F-987E572A0B61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>
          <a:xfrm>
            <a:off x="8639176" y="5256535"/>
            <a:ext cx="288543" cy="72256"/>
          </a:xfrm>
        </p:spPr>
        <p:txBody>
          <a:bodyPr/>
          <a:lstStyle>
            <a:lvl1pPr>
              <a:defRPr>
                <a:solidFill>
                  <a:schemeClr val="tx1">
                    <a:alpha val="0"/>
                  </a:schemeClr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1535911"/>
      </p:ext>
    </p:extLst>
  </p:cSld>
  <p:clrMapOvr>
    <a:masterClrMapping/>
  </p:clrMapOvr>
  <p:transition>
    <p:fade/>
  </p:transition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57916346"/>
      </p:ext>
    </p:extLst>
  </p:cSld>
  <p:clrMapOvr>
    <a:masterClrMapping/>
  </p:clrMapOvr>
  <p:transition>
    <p:fade/>
  </p:transition>
</p:sldLayout>
</file>

<file path=ppt/slideLayouts/slideLayout3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08405512"/>
      </p:ext>
    </p:extLst>
  </p:cSld>
  <p:clrMapOvr>
    <a:masterClrMapping/>
  </p:clrMapOvr>
  <p:transition>
    <p:fade/>
  </p:transition>
</p:sldLayout>
</file>

<file path=ppt/slideLayouts/slideLayout3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22221218"/>
      </p:ext>
    </p:extLst>
  </p:cSld>
  <p:clrMapOvr>
    <a:masterClrMapping/>
  </p:clrMapOvr>
  <p:transition>
    <p:fade/>
  </p:transition>
</p:sldLayout>
</file>

<file path=ppt/slideLayouts/slideLayout3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62022703"/>
      </p:ext>
    </p:extLst>
  </p:cSld>
  <p:clrMapOvr>
    <a:masterClrMapping/>
  </p:clrMapOvr>
  <p:transition>
    <p:fade/>
  </p:transition>
</p:sldLayout>
</file>

<file path=ppt/slideLayouts/slideLayout3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59180448"/>
      </p:ext>
    </p:extLst>
  </p:cSld>
  <p:clrMapOvr>
    <a:masterClrMapping/>
  </p:clrMapOvr>
  <p:transition>
    <p:fade/>
  </p:transition>
</p:sldLayout>
</file>

<file path=ppt/slideLayouts/slideLayout3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30576155"/>
      </p:ext>
    </p:extLst>
  </p:cSld>
  <p:clrMapOvr>
    <a:masterClrMapping/>
  </p:clrMapOvr>
  <p:transition>
    <p:fade/>
  </p:transition>
</p:sldLayout>
</file>

<file path=ppt/slideLayouts/slideLayout3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52626774"/>
      </p:ext>
    </p:extLst>
  </p:cSld>
  <p:clrMapOvr>
    <a:masterClrMapping/>
  </p:clrMapOvr>
  <p:transition>
    <p:fade/>
  </p:transition>
</p:sldLayout>
</file>

<file path=ppt/slideLayouts/slideLayout3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44306346"/>
      </p:ext>
    </p:extLst>
  </p:cSld>
  <p:clrMapOvr>
    <a:masterClrMapping/>
  </p:clrMapOvr>
  <p:transition>
    <p:fade/>
  </p:transition>
</p:sldLayout>
</file>

<file path=ppt/slideLayouts/slideLayout3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591115"/>
      </p:ext>
    </p:extLst>
  </p:cSld>
  <p:clrMapOvr>
    <a:masterClrMapping/>
  </p:clrMapOvr>
  <p:transition>
    <p:fade/>
  </p:transition>
</p:sldLayout>
</file>

<file path=ppt/slideLayouts/slideLayout3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06560205"/>
      </p:ext>
    </p:extLst>
  </p:cSld>
  <p:clrMapOvr>
    <a:masterClrMapping/>
  </p:clrMapOvr>
  <p:transition>
    <p:fade/>
  </p:transition>
</p:sldLayout>
</file>

<file path=ppt/slideLayouts/slideLayout3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24537093"/>
      </p:ext>
    </p:extLst>
  </p:cSld>
  <p:clrMapOvr>
    <a:masterClrMapping/>
  </p:clrMapOvr>
  <p:transition>
    <p:fade/>
  </p:transition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5524241"/>
      </p:ext>
    </p:extLst>
  </p:cSld>
  <p:clrMapOvr>
    <a:masterClrMapping/>
  </p:clrMapOvr>
  <p:transition>
    <p:fade/>
  </p:transition>
</p:sldLayout>
</file>

<file path=ppt/slideLayouts/slideLayout3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1136955"/>
      </p:ext>
    </p:extLst>
  </p:cSld>
  <p:clrMapOvr>
    <a:masterClrMapping/>
  </p:clrMapOvr>
  <p:transition>
    <p:fade/>
  </p:transition>
</p:sldLayout>
</file>

<file path=ppt/slideLayouts/slideLayout3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707997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6567851"/>
      </p:ext>
    </p:extLst>
  </p:cSld>
  <p:clrMapOvr>
    <a:masterClrMapping/>
  </p:clrMapOvr>
  <p:transition>
    <p:fade/>
  </p:transition>
</p:sldLayout>
</file>

<file path=ppt/slideLayouts/slideLayout3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22179896"/>
      </p:ext>
    </p:extLst>
  </p:cSld>
  <p:clrMapOvr>
    <a:masterClrMapping/>
  </p:clrMapOvr>
  <p:transition>
    <p:fade/>
  </p:transition>
</p:sldLayout>
</file>

<file path=ppt/slideLayouts/slideLayout3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54506819"/>
      </p:ext>
    </p:extLst>
  </p:cSld>
  <p:clrMapOvr>
    <a:masterClrMapping/>
  </p:clrMapOvr>
  <p:transition>
    <p:fade/>
  </p:transition>
</p:sldLayout>
</file>

<file path=ppt/slideLayouts/slideLayout3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61406010"/>
      </p:ext>
    </p:extLst>
  </p:cSld>
  <p:clrMapOvr>
    <a:masterClrMapping/>
  </p:clrMapOvr>
  <p:transition>
    <p:fade/>
  </p:transition>
</p:sldLayout>
</file>

<file path=ppt/slideLayouts/slideLayout3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86815351"/>
      </p:ext>
    </p:extLst>
  </p:cSld>
  <p:clrMapOvr>
    <a:masterClrMapping/>
  </p:clrMapOvr>
  <p:transition>
    <p:fade/>
  </p:transition>
</p:sldLayout>
</file>

<file path=ppt/slideLayouts/slideLayout3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3503230"/>
      </p:ext>
    </p:extLst>
  </p:cSld>
  <p:clrMapOvr>
    <a:masterClrMapping/>
  </p:clrMapOvr>
  <p:transition>
    <p:fade/>
  </p:transition>
</p:sldLayout>
</file>

<file path=ppt/slideLayouts/slideLayout3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86468362"/>
      </p:ext>
    </p:extLst>
  </p:cSld>
  <p:clrMapOvr>
    <a:masterClrMapping/>
  </p:clrMapOvr>
  <p:transition>
    <p:fade/>
  </p:transition>
</p:sldLayout>
</file>

<file path=ppt/slideLayouts/slideLayout3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43651064"/>
      </p:ext>
    </p:extLst>
  </p:cSld>
  <p:clrMapOvr>
    <a:masterClrMapping/>
  </p:clrMapOvr>
  <p:transition>
    <p:fade/>
  </p:transition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85929853"/>
      </p:ext>
    </p:extLst>
  </p:cSld>
  <p:clrMapOvr>
    <a:masterClrMapping/>
  </p:clrMapOvr>
  <p:transition>
    <p:fade/>
  </p:transition>
</p:sldLayout>
</file>

<file path=ppt/slideLayouts/slideLayout3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5654909"/>
      </p:ext>
    </p:extLst>
  </p:cSld>
  <p:clrMapOvr>
    <a:masterClrMapping/>
  </p:clrMapOvr>
  <p:transition>
    <p:fade/>
  </p:transition>
</p:sldLayout>
</file>

<file path=ppt/slideLayouts/slideLayout3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75031516"/>
      </p:ext>
    </p:extLst>
  </p:cSld>
  <p:clrMapOvr>
    <a:masterClrMapping/>
  </p:clrMapOvr>
  <p:transition>
    <p:fade/>
  </p:transition>
</p:sldLayout>
</file>

<file path=ppt/slideLayouts/slideLayout3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51037071"/>
      </p:ext>
    </p:extLst>
  </p:cSld>
  <p:clrMapOvr>
    <a:masterClrMapping/>
  </p:clrMapOvr>
  <p:transition>
    <p:fade/>
  </p:transition>
</p:sldLayout>
</file>

<file path=ppt/slideLayouts/slideLayout3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68101703"/>
      </p:ext>
    </p:extLst>
  </p:cSld>
  <p:clrMapOvr>
    <a:masterClrMapping/>
  </p:clrMapOvr>
  <p:transition>
    <p:fade/>
  </p:transition>
</p:sldLayout>
</file>

<file path=ppt/slideLayouts/slideLayout3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292722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0294305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734326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060212011"/>
      </p:ext>
    </p:extLst>
  </p:cSld>
  <p:clrMapOvr>
    <a:masterClrMapping/>
  </p:clrMapOvr>
  <p:transition>
    <p:fade/>
  </p:transition>
</p:sldLayout>
</file>

<file path=ppt/slideLayouts/slideLayout3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00015871"/>
      </p:ext>
    </p:extLst>
  </p:cSld>
  <p:clrMapOvr>
    <a:masterClrMapping/>
  </p:clrMapOvr>
  <p:transition>
    <p:fade/>
  </p:transition>
</p:sldLayout>
</file>

<file path=ppt/slideLayouts/slideLayout3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35745210"/>
      </p:ext>
    </p:extLst>
  </p:cSld>
  <p:clrMapOvr>
    <a:masterClrMapping/>
  </p:clrMapOvr>
  <p:transition>
    <p:fade/>
  </p:transition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08123018"/>
      </p:ext>
    </p:extLst>
  </p:cSld>
  <p:clrMapOvr>
    <a:masterClrMapping/>
  </p:clrMapOvr>
  <p:transition>
    <p:fade/>
  </p:transition>
</p:sldLayout>
</file>

<file path=ppt/slideLayouts/slideLayout3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02912174"/>
      </p:ext>
    </p:extLst>
  </p:cSld>
  <p:clrMapOvr>
    <a:masterClrMapping/>
  </p:clrMapOvr>
  <p:transition>
    <p:fade/>
  </p:transition>
</p:sldLayout>
</file>

<file path=ppt/slideLayouts/slideLayout3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226857"/>
      </p:ext>
    </p:extLst>
  </p:cSld>
  <p:clrMapOvr>
    <a:masterClrMapping/>
  </p:clrMapOvr>
  <p:transition>
    <p:fade/>
  </p:transition>
</p:sldLayout>
</file>

<file path=ppt/slideLayouts/slideLayout3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1809234"/>
      </p:ext>
    </p:extLst>
  </p:cSld>
  <p:clrMapOvr>
    <a:masterClrMapping/>
  </p:clrMapOvr>
  <p:transition>
    <p:fade/>
  </p:transition>
</p:sldLayout>
</file>

<file path=ppt/slideLayouts/slideLayout3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5544241"/>
      </p:ext>
    </p:extLst>
  </p:cSld>
  <p:clrMapOvr>
    <a:masterClrMapping/>
  </p:clrMapOvr>
  <p:transition>
    <p:fade/>
  </p:transition>
</p:sldLayout>
</file>

<file path=ppt/slideLayouts/slideLayout3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06160649"/>
      </p:ext>
    </p:extLst>
  </p:cSld>
  <p:clrMapOvr>
    <a:masterClrMapping/>
  </p:clrMapOvr>
  <p:transition>
    <p:fade/>
  </p:transition>
</p:sldLayout>
</file>

<file path=ppt/slideLayouts/slideLayout3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5852794"/>
      </p:ext>
    </p:extLst>
  </p:cSld>
  <p:clrMapOvr>
    <a:masterClrMapping/>
  </p:clrMapOvr>
  <p:transition>
    <p:fade/>
  </p:transition>
</p:sldLayout>
</file>

<file path=ppt/slideLayouts/slideLayout3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9397324"/>
      </p:ext>
    </p:extLst>
  </p:cSld>
  <p:clrMapOvr>
    <a:masterClrMapping/>
  </p:clrMapOvr>
  <p:transition>
    <p:fade/>
  </p:transition>
</p:sldLayout>
</file>

<file path=ppt/slideLayouts/slideLayout3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85823271"/>
      </p:ext>
    </p:extLst>
  </p:cSld>
  <p:clrMapOvr>
    <a:masterClrMapping/>
  </p:clrMapOvr>
  <p:transition>
    <p:fade/>
  </p:transition>
</p:sldLayout>
</file>

<file path=ppt/slideLayouts/slideLayout3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83724037"/>
      </p:ext>
    </p:extLst>
  </p:cSld>
  <p:clrMapOvr>
    <a:masterClrMapping/>
  </p:clrMapOvr>
  <p:transition>
    <p:fade/>
  </p:transition>
</p:sldLayout>
</file>

<file path=ppt/slideLayouts/slideLayout3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701619"/>
      </p:ext>
    </p:extLst>
  </p:cSld>
  <p:clrMapOvr>
    <a:masterClrMapping/>
  </p:clrMapOvr>
  <p:transition>
    <p:fade/>
  </p:transition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12320473"/>
      </p:ext>
    </p:extLst>
  </p:cSld>
  <p:clrMapOvr>
    <a:masterClrMapping/>
  </p:clrMapOvr>
  <p:transition>
    <p:fade/>
  </p:transition>
</p:sldLayout>
</file>

<file path=ppt/slideLayouts/slideLayout3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75941639"/>
      </p:ext>
    </p:extLst>
  </p:cSld>
  <p:clrMapOvr>
    <a:masterClrMapping/>
  </p:clrMapOvr>
  <p:transition>
    <p:fade/>
  </p:transition>
</p:sldLayout>
</file>

<file path=ppt/slideLayouts/slideLayout3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19305057"/>
      </p:ext>
    </p:extLst>
  </p:cSld>
  <p:clrMapOvr>
    <a:masterClrMapping/>
  </p:clrMapOvr>
  <p:transition>
    <p:fade/>
  </p:transition>
</p:sldLayout>
</file>

<file path=ppt/slideLayouts/slideLayout3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27016858"/>
      </p:ext>
    </p:extLst>
  </p:cSld>
  <p:clrMapOvr>
    <a:masterClrMapping/>
  </p:clrMapOvr>
  <p:transition>
    <p:fade/>
  </p:transition>
</p:sldLayout>
</file>

<file path=ppt/slideLayouts/slideLayout3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61616459"/>
      </p:ext>
    </p:extLst>
  </p:cSld>
  <p:clrMapOvr>
    <a:masterClrMapping/>
  </p:clrMapOvr>
  <p:transition>
    <p:fade/>
  </p:transition>
</p:sldLayout>
</file>

<file path=ppt/slideLayouts/slideLayout3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74049566"/>
      </p:ext>
    </p:extLst>
  </p:cSld>
  <p:clrMapOvr>
    <a:masterClrMapping/>
  </p:clrMapOvr>
  <p:transition>
    <p:fade/>
  </p:transition>
</p:sldLayout>
</file>

<file path=ppt/slideLayouts/slideLayout3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9054999"/>
      </p:ext>
    </p:extLst>
  </p:cSld>
  <p:clrMapOvr>
    <a:masterClrMapping/>
  </p:clrMapOvr>
  <p:transition>
    <p:fade/>
  </p:transition>
</p:sldLayout>
</file>

<file path=ppt/slideLayouts/slideLayout3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5423856"/>
      </p:ext>
    </p:extLst>
  </p:cSld>
  <p:clrMapOvr>
    <a:masterClrMapping/>
  </p:clrMapOvr>
  <p:transition>
    <p:fade/>
  </p:transition>
</p:sldLayout>
</file>

<file path=ppt/slideLayouts/slideLayout3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438610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9164807"/>
      </p:ext>
    </p:extLst>
  </p:cSld>
  <p:clrMapOvr>
    <a:masterClrMapping/>
  </p:clrMapOvr>
  <p:transition>
    <p:fade/>
  </p:transition>
</p:sldLayout>
</file>

<file path=ppt/slideLayouts/slideLayout3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96329486"/>
      </p:ext>
    </p:extLst>
  </p:cSld>
  <p:clrMapOvr>
    <a:masterClrMapping/>
  </p:clrMapOvr>
  <p:transition>
    <p:fade/>
  </p:transition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2596437"/>
      </p:ext>
    </p:extLst>
  </p:cSld>
  <p:clrMapOvr>
    <a:masterClrMapping/>
  </p:clrMapOvr>
  <p:transition>
    <p:fade/>
  </p:transition>
</p:sldLayout>
</file>

<file path=ppt/slideLayouts/slideLayout3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8837056"/>
      </p:ext>
    </p:extLst>
  </p:cSld>
  <p:clrMapOvr>
    <a:masterClrMapping/>
  </p:clrMapOvr>
  <p:transition>
    <p:fade/>
  </p:transition>
</p:sldLayout>
</file>

<file path=ppt/slideLayouts/slideLayout3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0951975"/>
      </p:ext>
    </p:extLst>
  </p:cSld>
  <p:clrMapOvr>
    <a:masterClrMapping/>
  </p:clrMapOvr>
  <p:transition>
    <p:fade/>
  </p:transition>
</p:sldLayout>
</file>

<file path=ppt/slideLayouts/slideLayout3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6291465"/>
      </p:ext>
    </p:extLst>
  </p:cSld>
  <p:clrMapOvr>
    <a:masterClrMapping/>
  </p:clrMapOvr>
  <p:transition>
    <p:fade/>
  </p:transition>
</p:sldLayout>
</file>

<file path=ppt/slideLayouts/slideLayout3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96341261"/>
      </p:ext>
    </p:extLst>
  </p:cSld>
  <p:clrMapOvr>
    <a:masterClrMapping/>
  </p:clrMapOvr>
  <p:transition>
    <p:fade/>
  </p:transition>
</p:sldLayout>
</file>

<file path=ppt/slideLayouts/slideLayout3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46467"/>
      </p:ext>
    </p:extLst>
  </p:cSld>
  <p:clrMapOvr>
    <a:masterClrMapping/>
  </p:clrMapOvr>
  <p:transition>
    <p:fade/>
  </p:transition>
</p:sldLayout>
</file>

<file path=ppt/slideLayouts/slideLayout3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0668422"/>
      </p:ext>
    </p:extLst>
  </p:cSld>
  <p:clrMapOvr>
    <a:masterClrMapping/>
  </p:clrMapOvr>
  <p:transition>
    <p:fade/>
  </p:transition>
</p:sldLayout>
</file>

<file path=ppt/slideLayouts/slideLayout3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55677789"/>
      </p:ext>
    </p:extLst>
  </p:cSld>
  <p:clrMapOvr>
    <a:masterClrMapping/>
  </p:clrMapOvr>
  <p:transition>
    <p:fade/>
  </p:transition>
</p:sldLayout>
</file>

<file path=ppt/slideLayouts/slideLayout3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98256063"/>
      </p:ext>
    </p:extLst>
  </p:cSld>
  <p:clrMapOvr>
    <a:masterClrMapping/>
  </p:clrMapOvr>
  <p:transition>
    <p:fade/>
  </p:transition>
</p:sldLayout>
</file>

<file path=ppt/slideLayouts/slideLayout3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1832463"/>
      </p:ext>
    </p:extLst>
  </p:cSld>
  <p:clrMapOvr>
    <a:masterClrMapping/>
  </p:clrMapOvr>
  <p:transition>
    <p:fade/>
  </p:transition>
</p:sldLayout>
</file>

<file path=ppt/slideLayouts/slideLayout3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0565061"/>
      </p:ext>
    </p:extLst>
  </p:cSld>
  <p:clrMapOvr>
    <a:masterClrMapping/>
  </p:clrMapOvr>
  <p:transition>
    <p:fade/>
  </p:transition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076726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017280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9688371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8221295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345854426"/>
      </p:ext>
    </p:extLst>
  </p:cSld>
  <p:clrMapOvr>
    <a:masterClrMapping/>
  </p:clrMapOvr>
  <p:transition>
    <p:fade/>
  </p:transition>
</p:sldLayout>
</file>

<file path=ppt/slideLayouts/slideLayout3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952786"/>
      </p:ext>
    </p:extLst>
  </p:cSld>
  <p:clrMapOvr>
    <a:masterClrMapping/>
  </p:clrMapOvr>
  <p:transition>
    <p:fade/>
  </p:transition>
</p:sldLayout>
</file>

<file path=ppt/slideLayouts/slideLayout3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01995490"/>
      </p:ext>
    </p:extLst>
  </p:cSld>
  <p:clrMapOvr>
    <a:masterClrMapping/>
  </p:clrMapOvr>
  <p:transition>
    <p:fade/>
  </p:transition>
</p:sldLayout>
</file>

<file path=ppt/slideLayouts/slideLayout3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9460645"/>
      </p:ext>
    </p:extLst>
  </p:cSld>
  <p:clrMapOvr>
    <a:masterClrMapping/>
  </p:clrMapOvr>
  <p:transition>
    <p:fade/>
  </p:transition>
</p:sldLayout>
</file>

<file path=ppt/slideLayouts/slideLayout3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68671249"/>
      </p:ext>
    </p:extLst>
  </p:cSld>
  <p:clrMapOvr>
    <a:masterClrMapping/>
  </p:clrMapOvr>
  <p:transition>
    <p:fade/>
  </p:transition>
</p:sldLayout>
</file>

<file path=ppt/slideLayouts/slideLayout3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45088592"/>
      </p:ext>
    </p:extLst>
  </p:cSld>
  <p:clrMapOvr>
    <a:masterClrMapping/>
  </p:clrMapOvr>
  <p:transition>
    <p:fade/>
  </p:transition>
</p:sldLayout>
</file>

<file path=ppt/slideLayouts/slideLayout3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17637102"/>
      </p:ext>
    </p:extLst>
  </p:cSld>
  <p:clrMapOvr>
    <a:masterClrMapping/>
  </p:clrMapOvr>
  <p:transition>
    <p:fade/>
  </p:transition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075192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01971339"/>
      </p:ext>
    </p:extLst>
  </p:cSld>
  <p:clrMapOvr>
    <a:masterClrMapping/>
  </p:clrMapOvr>
  <p:transition>
    <p:fade/>
  </p:transition>
</p:sldLayout>
</file>

<file path=ppt/slideLayouts/slideLayout3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58226397"/>
      </p:ext>
    </p:extLst>
  </p:cSld>
  <p:clrMapOvr>
    <a:masterClrMapping/>
  </p:clrMapOvr>
  <p:transition>
    <p:fade/>
  </p:transition>
</p:sldLayout>
</file>

<file path=ppt/slideLayouts/slideLayout3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41553748"/>
      </p:ext>
    </p:extLst>
  </p:cSld>
  <p:clrMapOvr>
    <a:masterClrMapping/>
  </p:clrMapOvr>
  <p:transition>
    <p:fade/>
  </p:transition>
</p:sldLayout>
</file>

<file path=ppt/slideLayouts/slideLayout3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95649306"/>
      </p:ext>
    </p:extLst>
  </p:cSld>
  <p:clrMapOvr>
    <a:masterClrMapping/>
  </p:clrMapOvr>
  <p:transition>
    <p:fade/>
  </p:transition>
</p:sldLayout>
</file>

<file path=ppt/slideLayouts/slideLayout3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6638297"/>
      </p:ext>
    </p:extLst>
  </p:cSld>
  <p:clrMapOvr>
    <a:masterClrMapping/>
  </p:clrMapOvr>
  <p:transition>
    <p:fade/>
  </p:transition>
</p:sldLayout>
</file>

<file path=ppt/slideLayouts/slideLayout3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3898727"/>
      </p:ext>
    </p:extLst>
  </p:cSld>
  <p:clrMapOvr>
    <a:masterClrMapping/>
  </p:clrMapOvr>
  <p:transition>
    <p:fade/>
  </p:transition>
</p:sldLayout>
</file>

<file path=ppt/slideLayouts/slideLayout3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11630459"/>
      </p:ext>
    </p:extLst>
  </p:cSld>
  <p:clrMapOvr>
    <a:masterClrMapping/>
  </p:clrMapOvr>
  <p:transition>
    <p:fade/>
  </p:transition>
</p:sldLayout>
</file>

<file path=ppt/slideLayouts/slideLayout3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9456129"/>
      </p:ext>
    </p:extLst>
  </p:cSld>
  <p:clrMapOvr>
    <a:masterClrMapping/>
  </p:clrMapOvr>
  <p:transition>
    <p:fade/>
  </p:transition>
</p:sldLayout>
</file>

<file path=ppt/slideLayouts/slideLayout3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1868120"/>
      </p:ext>
    </p:extLst>
  </p:cSld>
  <p:clrMapOvr>
    <a:masterClrMapping/>
  </p:clrMapOvr>
  <p:transition>
    <p:fade/>
  </p:transition>
</p:sldLayout>
</file>

<file path=ppt/slideLayouts/slideLayout3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73149290"/>
      </p:ext>
    </p:extLst>
  </p:cSld>
  <p:clrMapOvr>
    <a:masterClrMapping/>
  </p:clrMapOvr>
  <p:transition>
    <p:fade/>
  </p:transition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44376916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1576744"/>
      </p:ext>
    </p:extLst>
  </p:cSld>
  <p:clrMapOvr>
    <a:masterClrMapping/>
  </p:clrMapOvr>
  <p:transition>
    <p:fade/>
  </p:transition>
</p:sldLayout>
</file>

<file path=ppt/slideLayouts/slideLayout3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0753536"/>
      </p:ext>
    </p:extLst>
  </p:cSld>
  <p:clrMapOvr>
    <a:masterClrMapping/>
  </p:clrMapOvr>
  <p:transition>
    <p:fade/>
  </p:transition>
</p:sldLayout>
</file>

<file path=ppt/slideLayouts/slideLayout3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178424"/>
      </p:ext>
    </p:extLst>
  </p:cSld>
  <p:clrMapOvr>
    <a:masterClrMapping/>
  </p:clrMapOvr>
  <p:transition>
    <p:fade/>
  </p:transition>
</p:sldLayout>
</file>

<file path=ppt/slideLayouts/slideLayout3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119835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72803035"/>
      </p:ext>
    </p:extLst>
  </p:cSld>
  <p:clrMapOvr>
    <a:masterClrMapping/>
  </p:clrMapOvr>
  <p:transition>
    <p:fade/>
  </p:transition>
</p:sldLayout>
</file>

<file path=ppt/slideLayouts/slideLayout3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9944685"/>
      </p:ext>
    </p:extLst>
  </p:cSld>
  <p:clrMapOvr>
    <a:masterClrMapping/>
  </p:clrMapOvr>
  <p:transition>
    <p:fade/>
  </p:transition>
</p:sldLayout>
</file>

<file path=ppt/slideLayouts/slideLayout3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736703"/>
      </p:ext>
    </p:extLst>
  </p:cSld>
  <p:clrMapOvr>
    <a:masterClrMapping/>
  </p:clrMapOvr>
  <p:transition>
    <p:fade/>
  </p:transition>
</p:sldLayout>
</file>

<file path=ppt/slideLayouts/slideLayout3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18440943"/>
      </p:ext>
    </p:extLst>
  </p:cSld>
  <p:clrMapOvr>
    <a:masterClrMapping/>
  </p:clrMapOvr>
  <p:transition>
    <p:fade/>
  </p:transition>
</p:sldLayout>
</file>

<file path=ppt/slideLayouts/slideLayout3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07193459"/>
      </p:ext>
    </p:extLst>
  </p:cSld>
  <p:clrMapOvr>
    <a:masterClrMapping/>
  </p:clrMapOvr>
  <p:transition>
    <p:fade/>
  </p:transition>
</p:sldLayout>
</file>

<file path=ppt/slideLayouts/slideLayout3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2267159"/>
      </p:ext>
    </p:extLst>
  </p:cSld>
  <p:clrMapOvr>
    <a:masterClrMapping/>
  </p:clrMapOvr>
  <p:transition>
    <p:fade/>
  </p:transition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331815886"/>
      </p:ext>
    </p:extLst>
  </p:cSld>
  <p:clrMapOvr>
    <a:masterClrMapping/>
  </p:clrMapOvr>
  <p:transition>
    <p:fade/>
  </p:transition>
</p:sldLayout>
</file>

<file path=ppt/slideLayouts/slideLayout3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64933745"/>
      </p:ext>
    </p:extLst>
  </p:cSld>
  <p:clrMapOvr>
    <a:masterClrMapping/>
  </p:clrMapOvr>
  <p:transition>
    <p:fade/>
  </p:transition>
</p:sldLayout>
</file>

<file path=ppt/slideLayouts/slideLayout3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61395126"/>
      </p:ext>
    </p:extLst>
  </p:cSld>
  <p:clrMapOvr>
    <a:masterClrMapping/>
  </p:clrMapOvr>
  <p:transition>
    <p:fade/>
  </p:transition>
</p:sldLayout>
</file>

<file path=ppt/slideLayouts/slideLayout3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71401091"/>
      </p:ext>
    </p:extLst>
  </p:cSld>
  <p:clrMapOvr>
    <a:masterClrMapping/>
  </p:clrMapOvr>
  <p:transition>
    <p:fade/>
  </p:transition>
</p:sldLayout>
</file>

<file path=ppt/slideLayouts/slideLayout3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5745359"/>
      </p:ext>
    </p:extLst>
  </p:cSld>
  <p:clrMapOvr>
    <a:masterClrMapping/>
  </p:clrMapOvr>
  <p:transition>
    <p:fade/>
  </p:transition>
</p:sldLayout>
</file>

<file path=ppt/slideLayouts/slideLayout3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9203153"/>
      </p:ext>
    </p:extLst>
  </p:cSld>
  <p:clrMapOvr>
    <a:masterClrMapping/>
  </p:clrMapOvr>
  <p:transition>
    <p:fade/>
  </p:transition>
</p:sldLayout>
</file>

<file path=ppt/slideLayouts/slideLayout3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48657670"/>
      </p:ext>
    </p:extLst>
  </p:cSld>
  <p:clrMapOvr>
    <a:masterClrMapping/>
  </p:clrMapOvr>
  <p:transition>
    <p:fade/>
  </p:transition>
</p:sldLayout>
</file>

<file path=ppt/slideLayouts/slideLayout3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9810668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5656921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21507151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3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1464352400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13057425"/>
      </p:ext>
    </p:extLst>
  </p:cSld>
  <p:clrMapOvr>
    <a:masterClrMapping/>
  </p:clrMapOvr>
  <p:transition>
    <p:fade/>
  </p:transition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51195789"/>
      </p:ext>
    </p:extLst>
  </p:cSld>
  <p:clrMapOvr>
    <a:masterClrMapping/>
  </p:clrMapOvr>
  <p:transition>
    <p:fade/>
  </p:transition>
</p:sldLayout>
</file>

<file path=ppt/slideLayouts/slideLayout4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02988566"/>
      </p:ext>
    </p:extLst>
  </p:cSld>
  <p:clrMapOvr>
    <a:masterClrMapping/>
  </p:clrMapOvr>
  <p:transition>
    <p:fade/>
  </p:transition>
</p:sldLayout>
</file>

<file path=ppt/slideLayouts/slideLayout40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4804466"/>
      </p:ext>
    </p:extLst>
  </p:cSld>
  <p:clrMapOvr>
    <a:masterClrMapping/>
  </p:clrMapOvr>
  <p:transition>
    <p:fade/>
  </p:transition>
</p:sldLayout>
</file>

<file path=ppt/slideLayouts/slideLayout4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58803264"/>
      </p:ext>
    </p:extLst>
  </p:cSld>
  <p:clrMapOvr>
    <a:masterClrMapping/>
  </p:clrMapOvr>
  <p:transition>
    <p:fade/>
  </p:transition>
</p:sldLayout>
</file>

<file path=ppt/slideLayouts/slideLayout4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74748892"/>
      </p:ext>
    </p:extLst>
  </p:cSld>
  <p:clrMapOvr>
    <a:masterClrMapping/>
  </p:clrMapOvr>
  <p:transition>
    <p:fade/>
  </p:transition>
</p:sldLayout>
</file>

<file path=ppt/slideLayouts/slideLayout4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614546"/>
      </p:ext>
    </p:extLst>
  </p:cSld>
  <p:clrMapOvr>
    <a:masterClrMapping/>
  </p:clrMapOvr>
  <p:transition>
    <p:fade/>
  </p:transition>
</p:sldLayout>
</file>

<file path=ppt/slideLayouts/slideLayout4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99448448"/>
      </p:ext>
    </p:extLst>
  </p:cSld>
  <p:clrMapOvr>
    <a:masterClrMapping/>
  </p:clrMapOvr>
  <p:transition>
    <p:fade/>
  </p:transition>
</p:sldLayout>
</file>

<file path=ppt/slideLayouts/slideLayout4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6544877"/>
      </p:ext>
    </p:extLst>
  </p:cSld>
  <p:clrMapOvr>
    <a:masterClrMapping/>
  </p:clrMapOvr>
  <p:transition>
    <p:fade/>
  </p:transition>
</p:sldLayout>
</file>

<file path=ppt/slideLayouts/slideLayout4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78017017"/>
      </p:ext>
    </p:extLst>
  </p:cSld>
  <p:clrMapOvr>
    <a:masterClrMapping/>
  </p:clrMapOvr>
  <p:transition>
    <p:fade/>
  </p:transition>
</p:sldLayout>
</file>

<file path=ppt/slideLayouts/slideLayout4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2774658"/>
      </p:ext>
    </p:extLst>
  </p:cSld>
  <p:clrMapOvr>
    <a:masterClrMapping/>
  </p:clrMapOvr>
  <p:transition>
    <p:fade/>
  </p:transition>
</p:sldLayout>
</file>

<file path=ppt/slideLayouts/slideLayout4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71193081"/>
      </p:ext>
    </p:extLst>
  </p:cSld>
  <p:clrMapOvr>
    <a:masterClrMapping/>
  </p:clrMapOvr>
  <p:transition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4921991"/>
      </p:ext>
    </p:extLst>
  </p:cSld>
  <p:clrMapOvr>
    <a:masterClrMapping/>
  </p:clrMapOvr>
  <p:transition>
    <p:fade/>
  </p:transition>
</p:sldLayout>
</file>

<file path=ppt/slideLayouts/slideLayout4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22362265"/>
      </p:ext>
    </p:extLst>
  </p:cSld>
  <p:clrMapOvr>
    <a:masterClrMapping/>
  </p:clrMapOvr>
  <p:transition>
    <p:fade/>
  </p:transition>
</p:sldLayout>
</file>

<file path=ppt/slideLayouts/slideLayout4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8826730"/>
      </p:ext>
    </p:extLst>
  </p:cSld>
  <p:clrMapOvr>
    <a:masterClrMapping/>
  </p:clrMapOvr>
  <p:transition>
    <p:fade/>
  </p:transition>
</p:sldLayout>
</file>

<file path=ppt/slideLayouts/slideLayout4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31750398"/>
      </p:ext>
    </p:extLst>
  </p:cSld>
  <p:clrMapOvr>
    <a:masterClrMapping/>
  </p:clrMapOvr>
  <p:transition>
    <p:fade/>
  </p:transition>
</p:sldLayout>
</file>

<file path=ppt/slideLayouts/slideLayout4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57802292"/>
      </p:ext>
    </p:extLst>
  </p:cSld>
  <p:clrMapOvr>
    <a:masterClrMapping/>
  </p:clrMapOvr>
  <p:transition>
    <p:fade/>
  </p:transition>
</p:sldLayout>
</file>

<file path=ppt/slideLayouts/slideLayout4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70995347"/>
      </p:ext>
    </p:extLst>
  </p:cSld>
  <p:clrMapOvr>
    <a:masterClrMapping/>
  </p:clrMapOvr>
  <p:transition>
    <p:fade/>
  </p:transition>
</p:sldLayout>
</file>

<file path=ppt/slideLayouts/slideLayout4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49289148"/>
      </p:ext>
    </p:extLst>
  </p:cSld>
  <p:clrMapOvr>
    <a:masterClrMapping/>
  </p:clrMapOvr>
  <p:transition>
    <p:fade/>
  </p:transition>
</p:sldLayout>
</file>

<file path=ppt/slideLayouts/slideLayout4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02084616"/>
      </p:ext>
    </p:extLst>
  </p:cSld>
  <p:clrMapOvr>
    <a:masterClrMapping/>
  </p:clrMapOvr>
  <p:transition>
    <p:fade/>
  </p:transition>
</p:sldLayout>
</file>

<file path=ppt/slideLayouts/slideLayout4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5597613"/>
      </p:ext>
    </p:extLst>
  </p:cSld>
  <p:clrMapOvr>
    <a:masterClrMapping/>
  </p:clrMapOvr>
  <p:transition>
    <p:fade/>
  </p:transition>
</p:sldLayout>
</file>

<file path=ppt/slideLayouts/slideLayout4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46947975"/>
      </p:ext>
    </p:extLst>
  </p:cSld>
  <p:clrMapOvr>
    <a:masterClrMapping/>
  </p:clrMapOvr>
  <p:transition>
    <p:fade/>
  </p:transition>
</p:sldLayout>
</file>

<file path=ppt/slideLayouts/slideLayout4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9864647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81929497"/>
      </p:ext>
    </p:extLst>
  </p:cSld>
  <p:clrMapOvr>
    <a:masterClrMapping/>
  </p:clrMapOvr>
  <p:transition>
    <p:fade/>
  </p:transition>
</p:sldLayout>
</file>

<file path=ppt/slideLayouts/slideLayout4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03673426"/>
      </p:ext>
    </p:extLst>
  </p:cSld>
  <p:clrMapOvr>
    <a:masterClrMapping/>
  </p:clrMapOvr>
  <p:transition>
    <p:fade/>
  </p:transition>
</p:sldLayout>
</file>

<file path=ppt/slideLayouts/slideLayout4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31600633"/>
      </p:ext>
    </p:extLst>
  </p:cSld>
  <p:clrMapOvr>
    <a:masterClrMapping/>
  </p:clrMapOvr>
  <p:transition>
    <p:fade/>
  </p:transition>
</p:sldLayout>
</file>

<file path=ppt/slideLayouts/slideLayout4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91765354"/>
      </p:ext>
    </p:extLst>
  </p:cSld>
  <p:clrMapOvr>
    <a:masterClrMapping/>
  </p:clrMapOvr>
  <p:transition>
    <p:fade/>
  </p:transition>
</p:sldLayout>
</file>

<file path=ppt/slideLayouts/slideLayout4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74185409"/>
      </p:ext>
    </p:extLst>
  </p:cSld>
  <p:clrMapOvr>
    <a:masterClrMapping/>
  </p:clrMapOvr>
  <p:transition>
    <p:fade/>
  </p:transition>
</p:sldLayout>
</file>

<file path=ppt/slideLayouts/slideLayout4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61232570"/>
      </p:ext>
    </p:extLst>
  </p:cSld>
  <p:clrMapOvr>
    <a:masterClrMapping/>
  </p:clrMapOvr>
  <p:transition>
    <p:fade/>
  </p:transition>
</p:sldLayout>
</file>

<file path=ppt/slideLayouts/slideLayout4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853091"/>
      </p:ext>
    </p:extLst>
  </p:cSld>
  <p:clrMapOvr>
    <a:masterClrMapping/>
  </p:clrMapOvr>
  <p:transition>
    <p:fade/>
  </p:transition>
</p:sldLayout>
</file>

<file path=ppt/slideLayouts/slideLayout4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8250356"/>
      </p:ext>
    </p:extLst>
  </p:cSld>
  <p:clrMapOvr>
    <a:masterClrMapping/>
  </p:clrMapOvr>
  <p:transition>
    <p:fade/>
  </p:transition>
</p:sldLayout>
</file>

<file path=ppt/slideLayouts/slideLayout4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75028661"/>
      </p:ext>
    </p:extLst>
  </p:cSld>
  <p:clrMapOvr>
    <a:masterClrMapping/>
  </p:clrMapOvr>
  <p:transition>
    <p:fade/>
  </p:transition>
</p:sldLayout>
</file>

<file path=ppt/slideLayouts/slideLayout4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74177198"/>
      </p:ext>
    </p:extLst>
  </p:cSld>
  <p:clrMapOvr>
    <a:masterClrMapping/>
  </p:clrMapOvr>
  <p:transition>
    <p:fade/>
  </p:transition>
</p:sldLayout>
</file>

<file path=ppt/slideLayouts/slideLayout4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63965301"/>
      </p:ext>
    </p:extLst>
  </p:cSld>
  <p:clrMapOvr>
    <a:masterClrMapping/>
  </p:clrMapOvr>
  <p:transition>
    <p:fade/>
  </p:transition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49415497"/>
      </p:ext>
    </p:extLst>
  </p:cSld>
  <p:clrMapOvr>
    <a:masterClrMapping/>
  </p:clrMapOvr>
  <p:transition>
    <p:fade/>
  </p:transition>
</p:sldLayout>
</file>

<file path=ppt/slideLayouts/slideLayout4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75089132"/>
      </p:ext>
    </p:extLst>
  </p:cSld>
  <p:clrMapOvr>
    <a:masterClrMapping/>
  </p:clrMapOvr>
  <p:transition>
    <p:fade/>
  </p:transition>
</p:sldLayout>
</file>

<file path=ppt/slideLayouts/slideLayout4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2775416"/>
      </p:ext>
    </p:extLst>
  </p:cSld>
  <p:clrMapOvr>
    <a:masterClrMapping/>
  </p:clrMapOvr>
  <p:transition>
    <p:fade/>
  </p:transition>
</p:sldLayout>
</file>

<file path=ppt/slideLayouts/slideLayout4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632314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43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Úvodní sníme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Droplets-HD-Title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323519" y="983418"/>
            <a:ext cx="6568400" cy="1897011"/>
          </a:xfrm>
        </p:spPr>
        <p:txBody>
          <a:bodyPr anchor="b">
            <a:normAutofit/>
          </a:bodyPr>
          <a:lstStyle>
            <a:lvl1pPr algn="ctr">
              <a:defRPr sz="3628"/>
            </a:lvl1pPr>
          </a:lstStyle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323519" y="2938040"/>
            <a:ext cx="6568400" cy="1036954"/>
          </a:xfrm>
        </p:spPr>
        <p:txBody>
          <a:bodyPr>
            <a:normAutofit/>
          </a:bodyPr>
          <a:lstStyle>
            <a:lvl1pPr marL="0" indent="0" algn="ctr">
              <a:buNone/>
              <a:defRPr sz="1663">
                <a:solidFill>
                  <a:schemeClr val="bg1">
                    <a:lumMod val="50000"/>
                  </a:schemeClr>
                </a:solidFill>
              </a:defRPr>
            </a:lvl1pPr>
            <a:lvl2pPr marL="345597" indent="0" algn="ctr">
              <a:buNone/>
              <a:defRPr sz="1512"/>
            </a:lvl2pPr>
            <a:lvl3pPr marL="691195" indent="0" algn="ctr">
              <a:buNone/>
              <a:defRPr sz="1361"/>
            </a:lvl3pPr>
            <a:lvl4pPr marL="1036792" indent="0" algn="ctr">
              <a:buNone/>
              <a:defRPr sz="1209"/>
            </a:lvl4pPr>
            <a:lvl5pPr marL="1382390" indent="0" algn="ctr">
              <a:buNone/>
              <a:defRPr sz="1209"/>
            </a:lvl5pPr>
            <a:lvl6pPr marL="1727987" indent="0" algn="ctr">
              <a:buNone/>
              <a:defRPr sz="1209"/>
            </a:lvl6pPr>
            <a:lvl7pPr marL="2073585" indent="0" algn="ctr">
              <a:buNone/>
              <a:defRPr sz="1209"/>
            </a:lvl7pPr>
            <a:lvl8pPr marL="2419182" indent="0" algn="ctr">
              <a:buNone/>
              <a:defRPr sz="1209"/>
            </a:lvl8pPr>
            <a:lvl9pPr marL="2764780" indent="0" algn="ctr">
              <a:buNone/>
              <a:defRPr sz="1209"/>
            </a:lvl9pPr>
          </a:lstStyle>
          <a:p>
            <a:r>
              <a:rPr lang="cs-CZ"/>
              <a:t>Kliknutím můžete upravit styl předlohy.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167018"/>
      </p:ext>
    </p:extLst>
  </p:cSld>
  <p:clrMapOvr>
    <a:masterClrMapping/>
  </p:clrMapOvr>
  <p:hf hdr="0"/>
</p:sldLayout>
</file>

<file path=ppt/slideLayouts/slideLayout4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12" name="Content Placeholder 2"/>
          <p:cNvSpPr>
            <a:spLocks noGrp="1"/>
          </p:cNvSpPr>
          <p:nvPr>
            <p:ph sz="quarter" idx="13"/>
          </p:nvPr>
        </p:nvSpPr>
        <p:spPr>
          <a:xfrm>
            <a:off x="690685" y="1789566"/>
            <a:ext cx="7833595" cy="2588688"/>
          </a:xfrm>
        </p:spPr>
        <p:txBody>
          <a:bodyPr/>
          <a:lstStyle/>
          <a:p>
            <a:pPr lvl="0"/>
            <a:r>
              <a:rPr lang="cs-CZ"/>
              <a:t>Po kliknutí můžete upravovat styly textu v předloze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1785615"/>
      </p:ext>
    </p:extLst>
  </p:cSld>
  <p:clrMapOvr>
    <a:masterClrMapping/>
  </p:clrMapOvr>
  <p:hf hdr="0"/>
</p:sldLayout>
</file>

<file path=ppt/slideLayouts/slideLayout43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Záhlaví oddíl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0685" y="626409"/>
            <a:ext cx="7824469" cy="2069086"/>
          </a:xfrm>
        </p:spPr>
        <p:txBody>
          <a:bodyPr anchor="b">
            <a:normAutofit/>
          </a:bodyPr>
          <a:lstStyle>
            <a:lvl1pPr>
              <a:defRPr sz="3024"/>
            </a:lvl1pPr>
          </a:lstStyle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0685" y="2765105"/>
            <a:ext cx="7824469" cy="1034372"/>
          </a:xfrm>
        </p:spPr>
        <p:txBody>
          <a:bodyPr>
            <a:normAutofit/>
          </a:bodyPr>
          <a:lstStyle>
            <a:lvl1pPr marL="0" indent="0" algn="ctr">
              <a:buNone/>
              <a:defRPr sz="1512">
                <a:solidFill>
                  <a:schemeClr val="bg1">
                    <a:lumMod val="50000"/>
                  </a:schemeClr>
                </a:solidFill>
              </a:defRPr>
            </a:lvl1pPr>
            <a:lvl2pPr marL="345597" indent="0">
              <a:buNone/>
              <a:defRPr sz="1512">
                <a:solidFill>
                  <a:schemeClr val="tx1">
                    <a:tint val="75000"/>
                  </a:schemeClr>
                </a:solidFill>
              </a:defRPr>
            </a:lvl2pPr>
            <a:lvl3pPr marL="691195" indent="0">
              <a:buNone/>
              <a:defRPr sz="1361">
                <a:solidFill>
                  <a:schemeClr val="tx1">
                    <a:tint val="75000"/>
                  </a:schemeClr>
                </a:solidFill>
              </a:defRPr>
            </a:lvl3pPr>
            <a:lvl4pPr marL="1036792" indent="0">
              <a:buNone/>
              <a:defRPr sz="1209">
                <a:solidFill>
                  <a:schemeClr val="tx1">
                    <a:tint val="75000"/>
                  </a:schemeClr>
                </a:solidFill>
              </a:defRPr>
            </a:lvl4pPr>
            <a:lvl5pPr marL="1382390" indent="0">
              <a:buNone/>
              <a:defRPr sz="1209">
                <a:solidFill>
                  <a:schemeClr val="tx1">
                    <a:tint val="75000"/>
                  </a:schemeClr>
                </a:solidFill>
              </a:defRPr>
            </a:lvl5pPr>
            <a:lvl6pPr marL="1727987" indent="0">
              <a:buNone/>
              <a:defRPr sz="1209">
                <a:solidFill>
                  <a:schemeClr val="tx1">
                    <a:tint val="75000"/>
                  </a:schemeClr>
                </a:solidFill>
              </a:defRPr>
            </a:lvl6pPr>
            <a:lvl7pPr marL="2073585" indent="0">
              <a:buNone/>
              <a:defRPr sz="1209">
                <a:solidFill>
                  <a:schemeClr val="tx1">
                    <a:tint val="75000"/>
                  </a:schemeClr>
                </a:solidFill>
              </a:defRPr>
            </a:lvl7pPr>
            <a:lvl8pPr marL="2419182" indent="0">
              <a:buNone/>
              <a:defRPr sz="1209">
                <a:solidFill>
                  <a:schemeClr val="tx1">
                    <a:tint val="75000"/>
                  </a:schemeClr>
                </a:solidFill>
              </a:defRPr>
            </a:lvl8pPr>
            <a:lvl9pPr marL="2764780" indent="0">
              <a:buNone/>
              <a:defRPr sz="1209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51114015"/>
      </p:ext>
    </p:extLst>
  </p:cSld>
  <p:clrMapOvr>
    <a:masterClrMapping/>
  </p:clrMapOvr>
  <p:hf hdr="0"/>
</p:sldLayout>
</file>

<file path=ppt/slideLayouts/slideLayout4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Dva obsah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14" name="Title 1"/>
          <p:cNvSpPr>
            <a:spLocks noGrp="1"/>
          </p:cNvSpPr>
          <p:nvPr>
            <p:ph type="title"/>
          </p:nvPr>
        </p:nvSpPr>
        <p:spPr>
          <a:xfrm>
            <a:off x="690686" y="467611"/>
            <a:ext cx="7834068" cy="1206739"/>
          </a:xfrm>
        </p:spPr>
        <p:txBody>
          <a:bodyPr/>
          <a:lstStyle/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12" name="Content Placeholder 2"/>
          <p:cNvSpPr>
            <a:spLocks noGrp="1"/>
          </p:cNvSpPr>
          <p:nvPr>
            <p:ph sz="quarter" idx="13"/>
          </p:nvPr>
        </p:nvSpPr>
        <p:spPr>
          <a:xfrm>
            <a:off x="690685" y="1789566"/>
            <a:ext cx="3859438" cy="2588688"/>
          </a:xfrm>
        </p:spPr>
        <p:txBody>
          <a:bodyPr/>
          <a:lstStyle/>
          <a:p>
            <a:pPr lvl="0"/>
            <a:r>
              <a:rPr lang="cs-CZ"/>
              <a:t>Po kliknutí můžete upravovat styly textu v předloze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  <a:endParaRPr lang="en-US" dirty="0"/>
          </a:p>
        </p:txBody>
      </p:sp>
      <p:sp>
        <p:nvSpPr>
          <p:cNvPr id="13" name="Content Placeholder 3"/>
          <p:cNvSpPr>
            <a:spLocks noGrp="1"/>
          </p:cNvSpPr>
          <p:nvPr>
            <p:ph sz="quarter" idx="14"/>
          </p:nvPr>
        </p:nvSpPr>
        <p:spPr>
          <a:xfrm>
            <a:off x="4665315" y="1789566"/>
            <a:ext cx="3858965" cy="2588688"/>
          </a:xfrm>
        </p:spPr>
        <p:txBody>
          <a:bodyPr/>
          <a:lstStyle/>
          <a:p>
            <a:pPr lvl="0"/>
            <a:r>
              <a:rPr lang="cs-CZ"/>
              <a:t>Po kliknutí můžete upravovat styly textu v předloze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46213914"/>
      </p:ext>
    </p:extLst>
  </p:cSld>
  <p:clrMapOvr>
    <a:masterClrMapping/>
  </p:clrMapOvr>
  <p:hf hdr="0"/>
</p:sldLayout>
</file>

<file path=ppt/slideLayouts/slideLayout437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Porovnání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Picture 14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14" name="Title 1"/>
          <p:cNvSpPr>
            <a:spLocks noGrp="1"/>
          </p:cNvSpPr>
          <p:nvPr>
            <p:ph type="title"/>
          </p:nvPr>
        </p:nvSpPr>
        <p:spPr>
          <a:xfrm>
            <a:off x="690686" y="467611"/>
            <a:ext cx="7834068" cy="1206739"/>
          </a:xfrm>
        </p:spPr>
        <p:txBody>
          <a:bodyPr/>
          <a:lstStyle/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66463" y="1792534"/>
            <a:ext cx="3683661" cy="514088"/>
          </a:xfrm>
        </p:spPr>
        <p:txBody>
          <a:bodyPr anchor="b">
            <a:noAutofit/>
          </a:bodyPr>
          <a:lstStyle>
            <a:lvl1pPr marL="0" indent="0">
              <a:lnSpc>
                <a:spcPct val="85000"/>
              </a:lnSpc>
              <a:buNone/>
              <a:defRPr sz="1965" b="0">
                <a:solidFill>
                  <a:schemeClr val="tx1"/>
                </a:solidFill>
              </a:defRPr>
            </a:lvl1pPr>
            <a:lvl2pPr marL="345597" indent="0">
              <a:buNone/>
              <a:defRPr sz="1512" b="1"/>
            </a:lvl2pPr>
            <a:lvl3pPr marL="691195" indent="0">
              <a:buNone/>
              <a:defRPr sz="1361" b="1"/>
            </a:lvl3pPr>
            <a:lvl4pPr marL="1036792" indent="0">
              <a:buNone/>
              <a:defRPr sz="1209" b="1"/>
            </a:lvl4pPr>
            <a:lvl5pPr marL="1382390" indent="0">
              <a:buNone/>
              <a:defRPr sz="1209" b="1"/>
            </a:lvl5pPr>
            <a:lvl6pPr marL="1727987" indent="0">
              <a:buNone/>
              <a:defRPr sz="1209" b="1"/>
            </a:lvl6pPr>
            <a:lvl7pPr marL="2073585" indent="0">
              <a:buNone/>
              <a:defRPr sz="1209" b="1"/>
            </a:lvl7pPr>
            <a:lvl8pPr marL="2419182" indent="0">
              <a:buNone/>
              <a:defRPr sz="1209" b="1"/>
            </a:lvl8pPr>
            <a:lvl9pPr marL="2764780" indent="0">
              <a:buNone/>
              <a:defRPr sz="1209" b="1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12" name="Content Placeholder 3"/>
          <p:cNvSpPr>
            <a:spLocks noGrp="1"/>
          </p:cNvSpPr>
          <p:nvPr>
            <p:ph sz="quarter" idx="13"/>
          </p:nvPr>
        </p:nvSpPr>
        <p:spPr>
          <a:xfrm>
            <a:off x="690685" y="2306622"/>
            <a:ext cx="3859439" cy="2071632"/>
          </a:xfrm>
        </p:spPr>
        <p:txBody>
          <a:bodyPr/>
          <a:lstStyle/>
          <a:p>
            <a:pPr lvl="0"/>
            <a:r>
              <a:rPr lang="cs-CZ"/>
              <a:t>Po kliknutí můžete upravovat styly textu v předloze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4834796" y="1792534"/>
            <a:ext cx="3689958" cy="514088"/>
          </a:xfrm>
        </p:spPr>
        <p:txBody>
          <a:bodyPr anchor="b">
            <a:noAutofit/>
          </a:bodyPr>
          <a:lstStyle>
            <a:lvl1pPr marL="0" indent="0">
              <a:lnSpc>
                <a:spcPct val="85000"/>
              </a:lnSpc>
              <a:buNone/>
              <a:defRPr sz="1965" b="0">
                <a:solidFill>
                  <a:schemeClr val="tx1"/>
                </a:solidFill>
              </a:defRPr>
            </a:lvl1pPr>
            <a:lvl2pPr marL="345597" indent="0">
              <a:buNone/>
              <a:defRPr sz="1512" b="1"/>
            </a:lvl2pPr>
            <a:lvl3pPr marL="691195" indent="0">
              <a:buNone/>
              <a:defRPr sz="1361" b="1"/>
            </a:lvl3pPr>
            <a:lvl4pPr marL="1036792" indent="0">
              <a:buNone/>
              <a:defRPr sz="1209" b="1"/>
            </a:lvl4pPr>
            <a:lvl5pPr marL="1382390" indent="0">
              <a:buNone/>
              <a:defRPr sz="1209" b="1"/>
            </a:lvl5pPr>
            <a:lvl6pPr marL="1727987" indent="0">
              <a:buNone/>
              <a:defRPr sz="1209" b="1"/>
            </a:lvl6pPr>
            <a:lvl7pPr marL="2073585" indent="0">
              <a:buNone/>
              <a:defRPr sz="1209" b="1"/>
            </a:lvl7pPr>
            <a:lvl8pPr marL="2419182" indent="0">
              <a:buNone/>
              <a:defRPr sz="1209" b="1"/>
            </a:lvl8pPr>
            <a:lvl9pPr marL="2764780" indent="0">
              <a:buNone/>
              <a:defRPr sz="1209" b="1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13" name="Content Placeholder 5"/>
          <p:cNvSpPr>
            <a:spLocks noGrp="1"/>
          </p:cNvSpPr>
          <p:nvPr>
            <p:ph sz="quarter" idx="14"/>
          </p:nvPr>
        </p:nvSpPr>
        <p:spPr>
          <a:xfrm>
            <a:off x="4665316" y="2306622"/>
            <a:ext cx="3858965" cy="2071632"/>
          </a:xfrm>
        </p:spPr>
        <p:txBody>
          <a:bodyPr/>
          <a:lstStyle/>
          <a:p>
            <a:pPr lvl="0"/>
            <a:r>
              <a:rPr lang="cs-CZ"/>
              <a:t>Po kliknutí můžete upravovat styly textu v předloze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0154654"/>
      </p:ext>
    </p:extLst>
  </p:cSld>
  <p:clrMapOvr>
    <a:masterClrMapping/>
  </p:clrMapOvr>
  <p:hf hdr="0"/>
</p:sldLayout>
</file>

<file path=ppt/slideLayouts/slideLayout43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Jenom nadpi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25499304"/>
      </p:ext>
    </p:extLst>
  </p:cSld>
  <p:clrMapOvr>
    <a:masterClrMapping/>
  </p:clrMapOvr>
  <p:hf hdr="0"/>
</p:sldLayout>
</file>

<file path=ppt/slideLayouts/slideLayout43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Prázdný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08557663"/>
      </p:ext>
    </p:extLst>
  </p:cSld>
  <p:clrMapOvr>
    <a:masterClrMapping/>
  </p:clrMapOvr>
  <p:hf hdr="0"/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25657577"/>
      </p:ext>
    </p:extLst>
  </p:cSld>
  <p:clrMapOvr>
    <a:masterClrMapping/>
  </p:clrMapOvr>
  <p:transition>
    <p:fade/>
  </p:transition>
</p:sldLayout>
</file>

<file path=ppt/slideLayouts/slideLayout440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Obsah s titulke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0685" y="460869"/>
            <a:ext cx="2974827" cy="1529616"/>
          </a:xfrm>
        </p:spPr>
        <p:txBody>
          <a:bodyPr anchor="b"/>
          <a:lstStyle>
            <a:lvl1pPr algn="ctr">
              <a:defRPr sz="2419"/>
            </a:lvl1pPr>
          </a:lstStyle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10" name="Content Placeholder 2"/>
          <p:cNvSpPr>
            <a:spLocks noGrp="1"/>
          </p:cNvSpPr>
          <p:nvPr>
            <p:ph sz="quarter" idx="13"/>
          </p:nvPr>
        </p:nvSpPr>
        <p:spPr>
          <a:xfrm>
            <a:off x="3838301" y="460869"/>
            <a:ext cx="4686452" cy="3917385"/>
          </a:xfrm>
        </p:spPr>
        <p:txBody>
          <a:bodyPr/>
          <a:lstStyle/>
          <a:p>
            <a:pPr lvl="0"/>
            <a:r>
              <a:rPr lang="cs-CZ"/>
              <a:t>Po kliknutí můžete upravovat styly textu v předloze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90685" y="1990485"/>
            <a:ext cx="2974828" cy="2387770"/>
          </a:xfrm>
        </p:spPr>
        <p:txBody>
          <a:bodyPr/>
          <a:lstStyle>
            <a:lvl1pPr marL="0" indent="0" algn="ctr">
              <a:buNone/>
              <a:defRPr sz="1209"/>
            </a:lvl1pPr>
            <a:lvl2pPr marL="345597" indent="0">
              <a:buNone/>
              <a:defRPr sz="1058"/>
            </a:lvl2pPr>
            <a:lvl3pPr marL="691195" indent="0">
              <a:buNone/>
              <a:defRPr sz="907"/>
            </a:lvl3pPr>
            <a:lvl4pPr marL="1036792" indent="0">
              <a:buNone/>
              <a:defRPr sz="756"/>
            </a:lvl4pPr>
            <a:lvl5pPr marL="1382390" indent="0">
              <a:buNone/>
              <a:defRPr sz="756"/>
            </a:lvl5pPr>
            <a:lvl6pPr marL="1727987" indent="0">
              <a:buNone/>
              <a:defRPr sz="756"/>
            </a:lvl6pPr>
            <a:lvl7pPr marL="2073585" indent="0">
              <a:buNone/>
              <a:defRPr sz="756"/>
            </a:lvl7pPr>
            <a:lvl8pPr marL="2419182" indent="0">
              <a:buNone/>
              <a:defRPr sz="756"/>
            </a:lvl8pPr>
            <a:lvl9pPr marL="2764780" indent="0">
              <a:buNone/>
              <a:defRPr sz="756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36517507"/>
      </p:ext>
    </p:extLst>
  </p:cSld>
  <p:clrMapOvr>
    <a:masterClrMapping/>
  </p:clrMapOvr>
  <p:hf hdr="0"/>
</p:sldLayout>
</file>

<file path=ppt/slideLayouts/slideLayout441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Obrázek s titulke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0685" y="460869"/>
            <a:ext cx="4486002" cy="1529617"/>
          </a:xfrm>
        </p:spPr>
        <p:txBody>
          <a:bodyPr anchor="b"/>
          <a:lstStyle>
            <a:lvl1pPr algn="ctr">
              <a:defRPr sz="2419"/>
            </a:lvl1pPr>
          </a:lstStyle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5612107" y="460869"/>
            <a:ext cx="2460593" cy="3917386"/>
          </a:xfrm>
          <a:prstGeom prst="roundRect">
            <a:avLst>
              <a:gd name="adj" fmla="val 4943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/>
          <a:lstStyle>
            <a:lvl1pPr marL="0" indent="0">
              <a:buNone/>
              <a:defRPr sz="2419"/>
            </a:lvl1pPr>
            <a:lvl2pPr marL="345597" indent="0">
              <a:buNone/>
              <a:defRPr sz="2117"/>
            </a:lvl2pPr>
            <a:lvl3pPr marL="691195" indent="0">
              <a:buNone/>
              <a:defRPr sz="1814"/>
            </a:lvl3pPr>
            <a:lvl4pPr marL="1036792" indent="0">
              <a:buNone/>
              <a:defRPr sz="1512"/>
            </a:lvl4pPr>
            <a:lvl5pPr marL="1382390" indent="0">
              <a:buNone/>
              <a:defRPr sz="1512"/>
            </a:lvl5pPr>
            <a:lvl6pPr marL="1727987" indent="0">
              <a:buNone/>
              <a:defRPr sz="1512"/>
            </a:lvl6pPr>
            <a:lvl7pPr marL="2073585" indent="0">
              <a:buNone/>
              <a:defRPr sz="1512"/>
            </a:lvl7pPr>
            <a:lvl8pPr marL="2419182" indent="0">
              <a:buNone/>
              <a:defRPr sz="1512"/>
            </a:lvl8pPr>
            <a:lvl9pPr marL="2764780" indent="0">
              <a:buNone/>
              <a:defRPr sz="1512"/>
            </a:lvl9pPr>
          </a:lstStyle>
          <a:p>
            <a:r>
              <a:rPr lang="cs-CZ"/>
              <a:t>Kliknutím na ikonu přidáte obrázek.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90700" y="1990485"/>
            <a:ext cx="4485987" cy="2387769"/>
          </a:xfrm>
        </p:spPr>
        <p:txBody>
          <a:bodyPr/>
          <a:lstStyle>
            <a:lvl1pPr marL="0" indent="0" algn="ctr">
              <a:buNone/>
              <a:defRPr sz="1209"/>
            </a:lvl1pPr>
            <a:lvl2pPr marL="345597" indent="0">
              <a:buNone/>
              <a:defRPr sz="1058"/>
            </a:lvl2pPr>
            <a:lvl3pPr marL="691195" indent="0">
              <a:buNone/>
              <a:defRPr sz="907"/>
            </a:lvl3pPr>
            <a:lvl4pPr marL="1036792" indent="0">
              <a:buNone/>
              <a:defRPr sz="756"/>
            </a:lvl4pPr>
            <a:lvl5pPr marL="1382390" indent="0">
              <a:buNone/>
              <a:defRPr sz="756"/>
            </a:lvl5pPr>
            <a:lvl6pPr marL="1727987" indent="0">
              <a:buNone/>
              <a:defRPr sz="756"/>
            </a:lvl6pPr>
            <a:lvl7pPr marL="2073585" indent="0">
              <a:buNone/>
              <a:defRPr sz="756"/>
            </a:lvl7pPr>
            <a:lvl8pPr marL="2419182" indent="0">
              <a:buNone/>
              <a:defRPr sz="756"/>
            </a:lvl8pPr>
            <a:lvl9pPr marL="2764780" indent="0">
              <a:buNone/>
              <a:defRPr sz="756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5716770"/>
      </p:ext>
    </p:extLst>
  </p:cSld>
  <p:clrMapOvr>
    <a:masterClrMapping/>
  </p:clrMapOvr>
  <p:hf hdr="0"/>
</p:sldLayout>
</file>

<file path=ppt/slideLayouts/slideLayout4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atický obrázek s popiske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0700" y="3242846"/>
            <a:ext cx="7834054" cy="613592"/>
          </a:xfrm>
        </p:spPr>
        <p:txBody>
          <a:bodyPr anchor="b"/>
          <a:lstStyle>
            <a:lvl1pPr>
              <a:defRPr sz="2419"/>
            </a:lvl1pPr>
          </a:lstStyle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895500" y="527898"/>
            <a:ext cx="7424453" cy="2429946"/>
          </a:xfrm>
          <a:prstGeom prst="roundRect">
            <a:avLst>
              <a:gd name="adj" fmla="val 4944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/>
          <a:lstStyle>
            <a:lvl1pPr marL="0" indent="0" algn="ctr">
              <a:buNone/>
              <a:defRPr sz="2419"/>
            </a:lvl1pPr>
            <a:lvl2pPr marL="345597" indent="0">
              <a:buNone/>
              <a:defRPr sz="2117"/>
            </a:lvl2pPr>
            <a:lvl3pPr marL="691195" indent="0">
              <a:buNone/>
              <a:defRPr sz="1814"/>
            </a:lvl3pPr>
            <a:lvl4pPr marL="1036792" indent="0">
              <a:buNone/>
              <a:defRPr sz="1512"/>
            </a:lvl4pPr>
            <a:lvl5pPr marL="1382390" indent="0">
              <a:buNone/>
              <a:defRPr sz="1512"/>
            </a:lvl5pPr>
            <a:lvl6pPr marL="1727987" indent="0">
              <a:buNone/>
              <a:defRPr sz="1512"/>
            </a:lvl6pPr>
            <a:lvl7pPr marL="2073585" indent="0">
              <a:buNone/>
              <a:defRPr sz="1512"/>
            </a:lvl7pPr>
            <a:lvl8pPr marL="2419182" indent="0">
              <a:buNone/>
              <a:defRPr sz="1512"/>
            </a:lvl8pPr>
            <a:lvl9pPr marL="2764780" indent="0">
              <a:buNone/>
              <a:defRPr sz="1512"/>
            </a:lvl9pPr>
          </a:lstStyle>
          <a:p>
            <a:r>
              <a:rPr lang="cs-CZ"/>
              <a:t>Kliknutím na ikonu přidáte obrázek.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90685" y="3862293"/>
            <a:ext cx="7834069" cy="515961"/>
          </a:xfrm>
        </p:spPr>
        <p:txBody>
          <a:bodyPr/>
          <a:lstStyle>
            <a:lvl1pPr marL="0" indent="0" algn="ctr">
              <a:buNone/>
              <a:defRPr sz="1209"/>
            </a:lvl1pPr>
            <a:lvl2pPr marL="345597" indent="0">
              <a:buNone/>
              <a:defRPr sz="1058"/>
            </a:lvl2pPr>
            <a:lvl3pPr marL="691195" indent="0">
              <a:buNone/>
              <a:defRPr sz="907"/>
            </a:lvl3pPr>
            <a:lvl4pPr marL="1036792" indent="0">
              <a:buNone/>
              <a:defRPr sz="756"/>
            </a:lvl4pPr>
            <a:lvl5pPr marL="1382390" indent="0">
              <a:buNone/>
              <a:defRPr sz="756"/>
            </a:lvl5pPr>
            <a:lvl6pPr marL="1727987" indent="0">
              <a:buNone/>
              <a:defRPr sz="756"/>
            </a:lvl6pPr>
            <a:lvl7pPr marL="2073585" indent="0">
              <a:buNone/>
              <a:defRPr sz="756"/>
            </a:lvl7pPr>
            <a:lvl8pPr marL="2419182" indent="0">
              <a:buNone/>
              <a:defRPr sz="756"/>
            </a:lvl8pPr>
            <a:lvl9pPr marL="2764780" indent="0">
              <a:buNone/>
              <a:defRPr sz="756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17351102"/>
      </p:ext>
    </p:extLst>
  </p:cSld>
  <p:clrMapOvr>
    <a:masterClrMapping/>
  </p:clrMapOvr>
  <p:hf hdr="0"/>
</p:sldLayout>
</file>

<file path=ppt/slideLayouts/slideLayout4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ázev a popise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0685" y="460868"/>
            <a:ext cx="7834069" cy="2591061"/>
          </a:xfrm>
        </p:spPr>
        <p:txBody>
          <a:bodyPr anchor="ctr"/>
          <a:lstStyle>
            <a:lvl1pPr algn="ctr">
              <a:defRPr sz="2419"/>
            </a:lvl1pPr>
          </a:lstStyle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90685" y="3178922"/>
            <a:ext cx="7834069" cy="1199333"/>
          </a:xfrm>
        </p:spPr>
        <p:txBody>
          <a:bodyPr anchor="ctr"/>
          <a:lstStyle>
            <a:lvl1pPr marL="0" indent="0" algn="ctr">
              <a:buNone/>
              <a:defRPr sz="1209"/>
            </a:lvl1pPr>
            <a:lvl2pPr marL="345597" indent="0">
              <a:buNone/>
              <a:defRPr sz="1058"/>
            </a:lvl2pPr>
            <a:lvl3pPr marL="691195" indent="0">
              <a:buNone/>
              <a:defRPr sz="907"/>
            </a:lvl3pPr>
            <a:lvl4pPr marL="1036792" indent="0">
              <a:buNone/>
              <a:defRPr sz="756"/>
            </a:lvl4pPr>
            <a:lvl5pPr marL="1382390" indent="0">
              <a:buNone/>
              <a:defRPr sz="756"/>
            </a:lvl5pPr>
            <a:lvl6pPr marL="1727987" indent="0">
              <a:buNone/>
              <a:defRPr sz="756"/>
            </a:lvl6pPr>
            <a:lvl7pPr marL="2073585" indent="0">
              <a:buNone/>
              <a:defRPr sz="756"/>
            </a:lvl7pPr>
            <a:lvl8pPr marL="2419182" indent="0">
              <a:buNone/>
              <a:defRPr sz="756"/>
            </a:lvl8pPr>
            <a:lvl9pPr marL="2764780" indent="0">
              <a:buNone/>
              <a:defRPr sz="756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09274705"/>
      </p:ext>
    </p:extLst>
  </p:cSld>
  <p:clrMapOvr>
    <a:masterClrMapping/>
  </p:clrMapOvr>
  <p:hf hdr="0"/>
</p:sldLayout>
</file>

<file path=ppt/slideLayouts/slideLayout4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itace s popiske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093133" y="460869"/>
            <a:ext cx="7031573" cy="2262691"/>
          </a:xfrm>
        </p:spPr>
        <p:txBody>
          <a:bodyPr anchor="ctr"/>
          <a:lstStyle>
            <a:lvl1pPr>
              <a:defRPr sz="2419"/>
            </a:lvl1pPr>
          </a:lstStyle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12" name="Text Placeholder 3"/>
          <p:cNvSpPr>
            <a:spLocks noGrp="1"/>
          </p:cNvSpPr>
          <p:nvPr>
            <p:ph type="body" sz="half" idx="13"/>
          </p:nvPr>
        </p:nvSpPr>
        <p:spPr>
          <a:xfrm>
            <a:off x="1300565" y="2729251"/>
            <a:ext cx="6615508" cy="449671"/>
          </a:xfrm>
        </p:spPr>
        <p:txBody>
          <a:bodyPr anchor="t">
            <a:normAutofit/>
          </a:bodyPr>
          <a:lstStyle>
            <a:lvl1pPr marL="0" indent="0">
              <a:buNone/>
              <a:defRPr sz="1058"/>
            </a:lvl1pPr>
            <a:lvl2pPr marL="345597" indent="0">
              <a:buNone/>
              <a:defRPr sz="1058"/>
            </a:lvl2pPr>
            <a:lvl3pPr marL="691195" indent="0">
              <a:buNone/>
              <a:defRPr sz="907"/>
            </a:lvl3pPr>
            <a:lvl4pPr marL="1036792" indent="0">
              <a:buNone/>
              <a:defRPr sz="756"/>
            </a:lvl4pPr>
            <a:lvl5pPr marL="1382390" indent="0">
              <a:buNone/>
              <a:defRPr sz="756"/>
            </a:lvl5pPr>
            <a:lvl6pPr marL="1727987" indent="0">
              <a:buNone/>
              <a:defRPr sz="756"/>
            </a:lvl6pPr>
            <a:lvl7pPr marL="2073585" indent="0">
              <a:buNone/>
              <a:defRPr sz="756"/>
            </a:lvl7pPr>
            <a:lvl8pPr marL="2419182" indent="0">
              <a:buNone/>
              <a:defRPr sz="756"/>
            </a:lvl8pPr>
            <a:lvl9pPr marL="2764780" indent="0">
              <a:buNone/>
              <a:defRPr sz="756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90685" y="3305915"/>
            <a:ext cx="7834069" cy="1074342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9"/>
            </a:lvl1pPr>
            <a:lvl2pPr marL="345597" indent="0">
              <a:buNone/>
              <a:defRPr sz="1058"/>
            </a:lvl2pPr>
            <a:lvl3pPr marL="691195" indent="0">
              <a:buNone/>
              <a:defRPr sz="907"/>
            </a:lvl3pPr>
            <a:lvl4pPr marL="1036792" indent="0">
              <a:buNone/>
              <a:defRPr sz="756"/>
            </a:lvl4pPr>
            <a:lvl5pPr marL="1382390" indent="0">
              <a:buNone/>
              <a:defRPr sz="756"/>
            </a:lvl5pPr>
            <a:lvl6pPr marL="1727987" indent="0">
              <a:buNone/>
              <a:defRPr sz="756"/>
            </a:lvl6pPr>
            <a:lvl7pPr marL="2073585" indent="0">
              <a:buNone/>
              <a:defRPr sz="756"/>
            </a:lvl7pPr>
            <a:lvl8pPr marL="2419182" indent="0">
              <a:buNone/>
              <a:defRPr sz="756"/>
            </a:lvl8pPr>
            <a:lvl9pPr marL="2764780" indent="0">
              <a:buNone/>
              <a:defRPr sz="756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3" name="TextBox 12"/>
          <p:cNvSpPr txBox="1"/>
          <p:nvPr/>
        </p:nvSpPr>
        <p:spPr>
          <a:xfrm>
            <a:off x="756984" y="570164"/>
            <a:ext cx="460772" cy="442101"/>
          </a:xfrm>
          <a:prstGeom prst="rect">
            <a:avLst/>
          </a:prstGeom>
        </p:spPr>
        <p:txBody>
          <a:bodyPr vert="horz" lIns="69116" tIns="34558" rIns="69116" bIns="34558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/>
            <a:r>
              <a:rPr lang="en-US" sz="6047" dirty="0">
                <a:solidFill>
                  <a:schemeClr val="tx1"/>
                </a:solidFill>
                <a:effectLst/>
              </a:rPr>
              <a:t>“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7980030" y="2263201"/>
            <a:ext cx="460772" cy="442101"/>
          </a:xfrm>
          <a:prstGeom prst="rect">
            <a:avLst/>
          </a:prstGeom>
        </p:spPr>
        <p:txBody>
          <a:bodyPr vert="horz" lIns="69116" tIns="34558" rIns="69116" bIns="34558" rtlCol="0" anchor="ctr">
            <a:noAutofit/>
          </a:bodyPr>
          <a:lstStyle>
            <a:lvl1pPr>
              <a:spcBef>
                <a:spcPct val="0"/>
              </a:spcBef>
              <a:buNone/>
              <a:defRPr sz="3200" b="0" cap="all">
                <a:ln w="3175" cmpd="sng">
                  <a:noFill/>
                </a:ln>
                <a:effectLst>
                  <a:glow rad="38100">
                    <a:schemeClr val="bg1">
                      <a:lumMod val="65000"/>
                      <a:lumOff val="35000"/>
                      <a:alpha val="40000"/>
                    </a:schemeClr>
                  </a:glow>
                  <a:outerShdw blurRad="28575" dist="38100" dir="14040000" algn="tl" rotWithShape="0">
                    <a:srgbClr val="000000">
                      <a:alpha val="25000"/>
                    </a:srgbClr>
                  </a:outerShdw>
                </a:effectLst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chemeClr val="tx2"/>
                </a:solidFill>
              </a:defRPr>
            </a:lvl7pPr>
            <a:lvl8pPr>
              <a:defRPr>
                <a:solidFill>
                  <a:schemeClr val="tx2"/>
                </a:solidFill>
              </a:defRPr>
            </a:lvl8pPr>
            <a:lvl9pPr>
              <a:defRPr>
                <a:solidFill>
                  <a:schemeClr val="tx2"/>
                </a:solidFill>
              </a:defRPr>
            </a:lvl9pPr>
          </a:lstStyle>
          <a:p>
            <a:pPr lvl="0" algn="r"/>
            <a:r>
              <a:rPr lang="en-US" sz="6047" dirty="0">
                <a:solidFill>
                  <a:schemeClr val="tx1"/>
                </a:solidFill>
                <a:effectLst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3559242212"/>
      </p:ext>
    </p:extLst>
  </p:cSld>
  <p:clrMapOvr>
    <a:masterClrMapping/>
  </p:clrMapOvr>
  <p:hf hdr="0"/>
</p:sldLayout>
</file>

<file path=ppt/slideLayouts/slideLayout4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Jmenovk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0685" y="1616913"/>
            <a:ext cx="7834069" cy="1898994"/>
          </a:xfrm>
        </p:spPr>
        <p:txBody>
          <a:bodyPr anchor="b"/>
          <a:lstStyle>
            <a:lvl1pPr algn="ctr">
              <a:defRPr sz="2419"/>
            </a:lvl1pPr>
          </a:lstStyle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90685" y="3524812"/>
            <a:ext cx="7834069" cy="862348"/>
          </a:xfrm>
        </p:spPr>
        <p:txBody>
          <a:bodyPr anchor="t"/>
          <a:lstStyle>
            <a:lvl1pPr marL="0" indent="0" algn="ctr">
              <a:buNone/>
              <a:defRPr sz="1209"/>
            </a:lvl1pPr>
            <a:lvl2pPr marL="345597" indent="0">
              <a:buNone/>
              <a:defRPr sz="1058"/>
            </a:lvl2pPr>
            <a:lvl3pPr marL="691195" indent="0">
              <a:buNone/>
              <a:defRPr sz="907"/>
            </a:lvl3pPr>
            <a:lvl4pPr marL="1036792" indent="0">
              <a:buNone/>
              <a:defRPr sz="756"/>
            </a:lvl4pPr>
            <a:lvl5pPr marL="1382390" indent="0">
              <a:buNone/>
              <a:defRPr sz="756"/>
            </a:lvl5pPr>
            <a:lvl6pPr marL="1727987" indent="0">
              <a:buNone/>
              <a:defRPr sz="756"/>
            </a:lvl6pPr>
            <a:lvl7pPr marL="2073585" indent="0">
              <a:buNone/>
              <a:defRPr sz="756"/>
            </a:lvl7pPr>
            <a:lvl8pPr marL="2419182" indent="0">
              <a:buNone/>
              <a:defRPr sz="756"/>
            </a:lvl8pPr>
            <a:lvl9pPr marL="2764780" indent="0">
              <a:buNone/>
              <a:defRPr sz="756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61541072"/>
      </p:ext>
    </p:extLst>
  </p:cSld>
  <p:clrMapOvr>
    <a:masterClrMapping/>
  </p:clrMapOvr>
  <p:hf hdr="0"/>
</p:sldLayout>
</file>

<file path=ppt/slideLayouts/slideLayout4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sloupc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15" name="Title 1"/>
          <p:cNvSpPr>
            <a:spLocks noGrp="1"/>
          </p:cNvSpPr>
          <p:nvPr>
            <p:ph type="title"/>
          </p:nvPr>
        </p:nvSpPr>
        <p:spPr>
          <a:xfrm>
            <a:off x="690685" y="460869"/>
            <a:ext cx="7834069" cy="1213481"/>
          </a:xfrm>
        </p:spPr>
        <p:txBody>
          <a:bodyPr/>
          <a:lstStyle/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7" name="Text Placeholder 2"/>
          <p:cNvSpPr>
            <a:spLocks noGrp="1"/>
          </p:cNvSpPr>
          <p:nvPr>
            <p:ph type="body" idx="1"/>
          </p:nvPr>
        </p:nvSpPr>
        <p:spPr>
          <a:xfrm>
            <a:off x="690685" y="1789566"/>
            <a:ext cx="2493562" cy="435665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1814" b="0">
                <a:solidFill>
                  <a:schemeClr val="tx1"/>
                </a:solidFill>
              </a:defRPr>
            </a:lvl1pPr>
            <a:lvl2pPr marL="345597" indent="0">
              <a:buNone/>
              <a:defRPr sz="1512" b="1"/>
            </a:lvl2pPr>
            <a:lvl3pPr marL="691195" indent="0">
              <a:buNone/>
              <a:defRPr sz="1361" b="1"/>
            </a:lvl3pPr>
            <a:lvl4pPr marL="1036792" indent="0">
              <a:buNone/>
              <a:defRPr sz="1209" b="1"/>
            </a:lvl4pPr>
            <a:lvl5pPr marL="1382390" indent="0">
              <a:buNone/>
              <a:defRPr sz="1209" b="1"/>
            </a:lvl5pPr>
            <a:lvl6pPr marL="1727987" indent="0">
              <a:buNone/>
              <a:defRPr sz="1209" b="1"/>
            </a:lvl6pPr>
            <a:lvl7pPr marL="2073585" indent="0">
              <a:buNone/>
              <a:defRPr sz="1209" b="1"/>
            </a:lvl7pPr>
            <a:lvl8pPr marL="2419182" indent="0">
              <a:buNone/>
              <a:defRPr sz="1209" b="1"/>
            </a:lvl8pPr>
            <a:lvl9pPr marL="2764780" indent="0">
              <a:buNone/>
              <a:defRPr sz="1209" b="1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8" name="Text Placeholder 3"/>
          <p:cNvSpPr>
            <a:spLocks noGrp="1"/>
          </p:cNvSpPr>
          <p:nvPr>
            <p:ph type="body" sz="half" idx="15"/>
          </p:nvPr>
        </p:nvSpPr>
        <p:spPr>
          <a:xfrm>
            <a:off x="690685" y="2225231"/>
            <a:ext cx="2493562" cy="2153024"/>
          </a:xfrm>
        </p:spPr>
        <p:txBody>
          <a:bodyPr anchor="t">
            <a:normAutofit/>
          </a:bodyPr>
          <a:lstStyle>
            <a:lvl1pPr marL="0" indent="0" algn="ctr">
              <a:buNone/>
              <a:defRPr sz="1058"/>
            </a:lvl1pPr>
            <a:lvl2pPr marL="345597" indent="0">
              <a:buNone/>
              <a:defRPr sz="907"/>
            </a:lvl2pPr>
            <a:lvl3pPr marL="691195" indent="0">
              <a:buNone/>
              <a:defRPr sz="756"/>
            </a:lvl3pPr>
            <a:lvl4pPr marL="1036792" indent="0">
              <a:buNone/>
              <a:defRPr sz="680"/>
            </a:lvl4pPr>
            <a:lvl5pPr marL="1382390" indent="0">
              <a:buNone/>
              <a:defRPr sz="680"/>
            </a:lvl5pPr>
            <a:lvl6pPr marL="1727987" indent="0">
              <a:buNone/>
              <a:defRPr sz="680"/>
            </a:lvl6pPr>
            <a:lvl7pPr marL="2073585" indent="0">
              <a:buNone/>
              <a:defRPr sz="680"/>
            </a:lvl7pPr>
            <a:lvl8pPr marL="2419182" indent="0">
              <a:buNone/>
              <a:defRPr sz="680"/>
            </a:lvl8pPr>
            <a:lvl9pPr marL="2764780" indent="0">
              <a:buNone/>
              <a:defRPr sz="680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9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3365381" y="1789566"/>
            <a:ext cx="2487927" cy="435665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1814" b="0">
                <a:solidFill>
                  <a:schemeClr val="tx1"/>
                </a:solidFill>
              </a:defRPr>
            </a:lvl1pPr>
            <a:lvl2pPr marL="345597" indent="0">
              <a:buNone/>
              <a:defRPr sz="1512" b="1"/>
            </a:lvl2pPr>
            <a:lvl3pPr marL="691195" indent="0">
              <a:buNone/>
              <a:defRPr sz="1361" b="1"/>
            </a:lvl3pPr>
            <a:lvl4pPr marL="1036792" indent="0">
              <a:buNone/>
              <a:defRPr sz="1209" b="1"/>
            </a:lvl4pPr>
            <a:lvl5pPr marL="1382390" indent="0">
              <a:buNone/>
              <a:defRPr sz="1209" b="1"/>
            </a:lvl5pPr>
            <a:lvl6pPr marL="1727987" indent="0">
              <a:buNone/>
              <a:defRPr sz="1209" b="1"/>
            </a:lvl6pPr>
            <a:lvl7pPr marL="2073585" indent="0">
              <a:buNone/>
              <a:defRPr sz="1209" b="1"/>
            </a:lvl7pPr>
            <a:lvl8pPr marL="2419182" indent="0">
              <a:buNone/>
              <a:defRPr sz="1209" b="1"/>
            </a:lvl8pPr>
            <a:lvl9pPr marL="2764780" indent="0">
              <a:buNone/>
              <a:defRPr sz="1209" b="1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10" name="Text Placeholder 3"/>
          <p:cNvSpPr>
            <a:spLocks noGrp="1"/>
          </p:cNvSpPr>
          <p:nvPr>
            <p:ph type="body" sz="half" idx="16"/>
          </p:nvPr>
        </p:nvSpPr>
        <p:spPr>
          <a:xfrm>
            <a:off x="3357035" y="2225231"/>
            <a:ext cx="2496869" cy="2153024"/>
          </a:xfrm>
        </p:spPr>
        <p:txBody>
          <a:bodyPr anchor="t">
            <a:normAutofit/>
          </a:bodyPr>
          <a:lstStyle>
            <a:lvl1pPr marL="0" indent="0" algn="ctr">
              <a:buNone/>
              <a:defRPr sz="1058"/>
            </a:lvl1pPr>
            <a:lvl2pPr marL="345597" indent="0">
              <a:buNone/>
              <a:defRPr sz="907"/>
            </a:lvl2pPr>
            <a:lvl3pPr marL="691195" indent="0">
              <a:buNone/>
              <a:defRPr sz="756"/>
            </a:lvl3pPr>
            <a:lvl4pPr marL="1036792" indent="0">
              <a:buNone/>
              <a:defRPr sz="680"/>
            </a:lvl4pPr>
            <a:lvl5pPr marL="1382390" indent="0">
              <a:buNone/>
              <a:defRPr sz="680"/>
            </a:lvl5pPr>
            <a:lvl6pPr marL="1727987" indent="0">
              <a:buNone/>
              <a:defRPr sz="680"/>
            </a:lvl6pPr>
            <a:lvl7pPr marL="2073585" indent="0">
              <a:buNone/>
              <a:defRPr sz="680"/>
            </a:lvl7pPr>
            <a:lvl8pPr marL="2419182" indent="0">
              <a:buNone/>
              <a:defRPr sz="680"/>
            </a:lvl8pPr>
            <a:lvl9pPr marL="2764780" indent="0">
              <a:buNone/>
              <a:defRPr sz="680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11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6026692" y="1789566"/>
            <a:ext cx="2498061" cy="435665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1814" b="0">
                <a:solidFill>
                  <a:schemeClr val="tx1"/>
                </a:solidFill>
              </a:defRPr>
            </a:lvl1pPr>
            <a:lvl2pPr marL="345597" indent="0">
              <a:buNone/>
              <a:defRPr sz="1512" b="1"/>
            </a:lvl2pPr>
            <a:lvl3pPr marL="691195" indent="0">
              <a:buNone/>
              <a:defRPr sz="1361" b="1"/>
            </a:lvl3pPr>
            <a:lvl4pPr marL="1036792" indent="0">
              <a:buNone/>
              <a:defRPr sz="1209" b="1"/>
            </a:lvl4pPr>
            <a:lvl5pPr marL="1382390" indent="0">
              <a:buNone/>
              <a:defRPr sz="1209" b="1"/>
            </a:lvl5pPr>
            <a:lvl6pPr marL="1727987" indent="0">
              <a:buNone/>
              <a:defRPr sz="1209" b="1"/>
            </a:lvl6pPr>
            <a:lvl7pPr marL="2073585" indent="0">
              <a:buNone/>
              <a:defRPr sz="1209" b="1"/>
            </a:lvl7pPr>
            <a:lvl8pPr marL="2419182" indent="0">
              <a:buNone/>
              <a:defRPr sz="1209" b="1"/>
            </a:lvl8pPr>
            <a:lvl9pPr marL="2764780" indent="0">
              <a:buNone/>
              <a:defRPr sz="1209" b="1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12" name="Text Placeholder 3"/>
          <p:cNvSpPr>
            <a:spLocks noGrp="1"/>
          </p:cNvSpPr>
          <p:nvPr>
            <p:ph type="body" sz="half" idx="17"/>
          </p:nvPr>
        </p:nvSpPr>
        <p:spPr>
          <a:xfrm>
            <a:off x="6026692" y="2225231"/>
            <a:ext cx="2498061" cy="2153024"/>
          </a:xfrm>
        </p:spPr>
        <p:txBody>
          <a:bodyPr anchor="t">
            <a:normAutofit/>
          </a:bodyPr>
          <a:lstStyle>
            <a:lvl1pPr marL="0" indent="0" algn="ctr">
              <a:buNone/>
              <a:defRPr sz="1058"/>
            </a:lvl1pPr>
            <a:lvl2pPr marL="345597" indent="0">
              <a:buNone/>
              <a:defRPr sz="907"/>
            </a:lvl2pPr>
            <a:lvl3pPr marL="691195" indent="0">
              <a:buNone/>
              <a:defRPr sz="756"/>
            </a:lvl3pPr>
            <a:lvl4pPr marL="1036792" indent="0">
              <a:buNone/>
              <a:defRPr sz="680"/>
            </a:lvl4pPr>
            <a:lvl5pPr marL="1382390" indent="0">
              <a:buNone/>
              <a:defRPr sz="680"/>
            </a:lvl5pPr>
            <a:lvl6pPr marL="1727987" indent="0">
              <a:buNone/>
              <a:defRPr sz="680"/>
            </a:lvl6pPr>
            <a:lvl7pPr marL="2073585" indent="0">
              <a:buNone/>
              <a:defRPr sz="680"/>
            </a:lvl7pPr>
            <a:lvl8pPr marL="2419182" indent="0">
              <a:buNone/>
              <a:defRPr sz="680"/>
            </a:lvl8pPr>
            <a:lvl9pPr marL="2764780" indent="0">
              <a:buNone/>
              <a:defRPr sz="680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8154081"/>
      </p:ext>
    </p:extLst>
  </p:cSld>
  <p:clrMapOvr>
    <a:masterClrMapping/>
  </p:clrMapOvr>
  <p:hf hdr="0"/>
</p:sldLayout>
</file>

<file path=ppt/slideLayouts/slideLayout4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sloupce s obrázk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30" name="Title 1"/>
          <p:cNvSpPr>
            <a:spLocks noGrp="1"/>
          </p:cNvSpPr>
          <p:nvPr>
            <p:ph type="title"/>
          </p:nvPr>
        </p:nvSpPr>
        <p:spPr>
          <a:xfrm>
            <a:off x="690685" y="461755"/>
            <a:ext cx="7834069" cy="1212595"/>
          </a:xfrm>
        </p:spPr>
        <p:txBody>
          <a:bodyPr/>
          <a:lstStyle/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19" name="Text Placeholder 2"/>
          <p:cNvSpPr>
            <a:spLocks noGrp="1"/>
          </p:cNvSpPr>
          <p:nvPr>
            <p:ph type="body" idx="1"/>
          </p:nvPr>
        </p:nvSpPr>
        <p:spPr>
          <a:xfrm>
            <a:off x="690685" y="3178922"/>
            <a:ext cx="2491622" cy="435665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1663" b="0">
                <a:solidFill>
                  <a:schemeClr val="tx1"/>
                </a:solidFill>
              </a:defRPr>
            </a:lvl1pPr>
            <a:lvl2pPr marL="345597" indent="0">
              <a:buNone/>
              <a:defRPr sz="1512" b="1"/>
            </a:lvl2pPr>
            <a:lvl3pPr marL="691195" indent="0">
              <a:buNone/>
              <a:defRPr sz="1361" b="1"/>
            </a:lvl3pPr>
            <a:lvl4pPr marL="1036792" indent="0">
              <a:buNone/>
              <a:defRPr sz="1209" b="1"/>
            </a:lvl4pPr>
            <a:lvl5pPr marL="1382390" indent="0">
              <a:buNone/>
              <a:defRPr sz="1209" b="1"/>
            </a:lvl5pPr>
            <a:lvl6pPr marL="1727987" indent="0">
              <a:buNone/>
              <a:defRPr sz="1209" b="1"/>
            </a:lvl6pPr>
            <a:lvl7pPr marL="2073585" indent="0">
              <a:buNone/>
              <a:defRPr sz="1209" b="1"/>
            </a:lvl7pPr>
            <a:lvl8pPr marL="2419182" indent="0">
              <a:buNone/>
              <a:defRPr sz="1209" b="1"/>
            </a:lvl8pPr>
            <a:lvl9pPr marL="2764780" indent="0">
              <a:buNone/>
              <a:defRPr sz="1209" b="1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20" name="Picture Placeholder 2"/>
          <p:cNvSpPr>
            <a:spLocks noGrp="1" noChangeAspect="1"/>
          </p:cNvSpPr>
          <p:nvPr>
            <p:ph type="pic" idx="15"/>
          </p:nvPr>
        </p:nvSpPr>
        <p:spPr>
          <a:xfrm>
            <a:off x="690685" y="1789566"/>
            <a:ext cx="2491622" cy="1152172"/>
          </a:xfrm>
          <a:prstGeom prst="roundRect">
            <a:avLst>
              <a:gd name="adj" fmla="val 9363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>
            <a:normAutofit/>
          </a:bodyPr>
          <a:lstStyle>
            <a:lvl1pPr marL="0" indent="0" algn="ctr">
              <a:buNone/>
              <a:defRPr sz="1209"/>
            </a:lvl1pPr>
            <a:lvl2pPr marL="345597" indent="0">
              <a:buNone/>
              <a:defRPr sz="1209"/>
            </a:lvl2pPr>
            <a:lvl3pPr marL="691195" indent="0">
              <a:buNone/>
              <a:defRPr sz="1209"/>
            </a:lvl3pPr>
            <a:lvl4pPr marL="1036792" indent="0">
              <a:buNone/>
              <a:defRPr sz="1209"/>
            </a:lvl4pPr>
            <a:lvl5pPr marL="1382390" indent="0">
              <a:buNone/>
              <a:defRPr sz="1209"/>
            </a:lvl5pPr>
            <a:lvl6pPr marL="1727987" indent="0">
              <a:buNone/>
              <a:defRPr sz="1209"/>
            </a:lvl6pPr>
            <a:lvl7pPr marL="2073585" indent="0">
              <a:buNone/>
              <a:defRPr sz="1209"/>
            </a:lvl7pPr>
            <a:lvl8pPr marL="2419182" indent="0">
              <a:buNone/>
              <a:defRPr sz="1209"/>
            </a:lvl8pPr>
            <a:lvl9pPr marL="2764780" indent="0">
              <a:buNone/>
              <a:defRPr sz="1209"/>
            </a:lvl9pPr>
          </a:lstStyle>
          <a:p>
            <a:r>
              <a:rPr lang="cs-CZ"/>
              <a:t>Kliknutím na ikonu přidáte obrázek.</a:t>
            </a:r>
            <a:endParaRPr lang="en-US" dirty="0"/>
          </a:p>
        </p:txBody>
      </p:sp>
      <p:sp>
        <p:nvSpPr>
          <p:cNvPr id="21" name="Text Placeholder 3"/>
          <p:cNvSpPr>
            <a:spLocks noGrp="1"/>
          </p:cNvSpPr>
          <p:nvPr>
            <p:ph type="body" sz="half" idx="18"/>
          </p:nvPr>
        </p:nvSpPr>
        <p:spPr>
          <a:xfrm>
            <a:off x="690685" y="3614586"/>
            <a:ext cx="2491622" cy="763668"/>
          </a:xfrm>
        </p:spPr>
        <p:txBody>
          <a:bodyPr anchor="t">
            <a:normAutofit/>
          </a:bodyPr>
          <a:lstStyle>
            <a:lvl1pPr marL="0" indent="0" algn="ctr">
              <a:buNone/>
              <a:defRPr sz="1058"/>
            </a:lvl1pPr>
            <a:lvl2pPr marL="345597" indent="0">
              <a:buNone/>
              <a:defRPr sz="907"/>
            </a:lvl2pPr>
            <a:lvl3pPr marL="691195" indent="0">
              <a:buNone/>
              <a:defRPr sz="756"/>
            </a:lvl3pPr>
            <a:lvl4pPr marL="1036792" indent="0">
              <a:buNone/>
              <a:defRPr sz="680"/>
            </a:lvl4pPr>
            <a:lvl5pPr marL="1382390" indent="0">
              <a:buNone/>
              <a:defRPr sz="680"/>
            </a:lvl5pPr>
            <a:lvl6pPr marL="1727987" indent="0">
              <a:buNone/>
              <a:defRPr sz="680"/>
            </a:lvl6pPr>
            <a:lvl7pPr marL="2073585" indent="0">
              <a:buNone/>
              <a:defRPr sz="680"/>
            </a:lvl7pPr>
            <a:lvl8pPr marL="2419182" indent="0">
              <a:buNone/>
              <a:defRPr sz="680"/>
            </a:lvl8pPr>
            <a:lvl9pPr marL="2764780" indent="0">
              <a:buNone/>
              <a:defRPr sz="680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22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3358101" y="3178922"/>
            <a:ext cx="2495718" cy="435665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1663" b="0">
                <a:solidFill>
                  <a:schemeClr val="tx1"/>
                </a:solidFill>
              </a:defRPr>
            </a:lvl1pPr>
            <a:lvl2pPr marL="345597" indent="0">
              <a:buNone/>
              <a:defRPr sz="1512" b="1"/>
            </a:lvl2pPr>
            <a:lvl3pPr marL="691195" indent="0">
              <a:buNone/>
              <a:defRPr sz="1361" b="1"/>
            </a:lvl3pPr>
            <a:lvl4pPr marL="1036792" indent="0">
              <a:buNone/>
              <a:defRPr sz="1209" b="1"/>
            </a:lvl4pPr>
            <a:lvl5pPr marL="1382390" indent="0">
              <a:buNone/>
              <a:defRPr sz="1209" b="1"/>
            </a:lvl5pPr>
            <a:lvl6pPr marL="1727987" indent="0">
              <a:buNone/>
              <a:defRPr sz="1209" b="1"/>
            </a:lvl6pPr>
            <a:lvl7pPr marL="2073585" indent="0">
              <a:buNone/>
              <a:defRPr sz="1209" b="1"/>
            </a:lvl7pPr>
            <a:lvl8pPr marL="2419182" indent="0">
              <a:buNone/>
              <a:defRPr sz="1209" b="1"/>
            </a:lvl8pPr>
            <a:lvl9pPr marL="2764780" indent="0">
              <a:buNone/>
              <a:defRPr sz="1209" b="1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23" name="Picture Placeholder 2"/>
          <p:cNvSpPr>
            <a:spLocks noGrp="1" noChangeAspect="1"/>
          </p:cNvSpPr>
          <p:nvPr>
            <p:ph type="pic" idx="21"/>
          </p:nvPr>
        </p:nvSpPr>
        <p:spPr>
          <a:xfrm>
            <a:off x="3357035" y="1789566"/>
            <a:ext cx="2496870" cy="1152172"/>
          </a:xfrm>
          <a:prstGeom prst="roundRect">
            <a:avLst>
              <a:gd name="adj" fmla="val 8841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>
            <a:normAutofit/>
          </a:bodyPr>
          <a:lstStyle>
            <a:lvl1pPr marL="0" indent="0" algn="ctr">
              <a:buNone/>
              <a:defRPr sz="1209"/>
            </a:lvl1pPr>
            <a:lvl2pPr marL="345597" indent="0">
              <a:buNone/>
              <a:defRPr sz="1209"/>
            </a:lvl2pPr>
            <a:lvl3pPr marL="691195" indent="0">
              <a:buNone/>
              <a:defRPr sz="1209"/>
            </a:lvl3pPr>
            <a:lvl4pPr marL="1036792" indent="0">
              <a:buNone/>
              <a:defRPr sz="1209"/>
            </a:lvl4pPr>
            <a:lvl5pPr marL="1382390" indent="0">
              <a:buNone/>
              <a:defRPr sz="1209"/>
            </a:lvl5pPr>
            <a:lvl6pPr marL="1727987" indent="0">
              <a:buNone/>
              <a:defRPr sz="1209"/>
            </a:lvl6pPr>
            <a:lvl7pPr marL="2073585" indent="0">
              <a:buNone/>
              <a:defRPr sz="1209"/>
            </a:lvl7pPr>
            <a:lvl8pPr marL="2419182" indent="0">
              <a:buNone/>
              <a:defRPr sz="1209"/>
            </a:lvl8pPr>
            <a:lvl9pPr marL="2764780" indent="0">
              <a:buNone/>
              <a:defRPr sz="1209"/>
            </a:lvl9pPr>
          </a:lstStyle>
          <a:p>
            <a:r>
              <a:rPr lang="cs-CZ"/>
              <a:t>Kliknutím na ikonu přidáte obrázek.</a:t>
            </a:r>
            <a:endParaRPr lang="en-US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half" idx="19"/>
          </p:nvPr>
        </p:nvSpPr>
        <p:spPr>
          <a:xfrm>
            <a:off x="3357035" y="3614585"/>
            <a:ext cx="2496870" cy="763669"/>
          </a:xfrm>
        </p:spPr>
        <p:txBody>
          <a:bodyPr anchor="t">
            <a:normAutofit/>
          </a:bodyPr>
          <a:lstStyle>
            <a:lvl1pPr marL="0" indent="0" algn="ctr">
              <a:buNone/>
              <a:defRPr sz="1058"/>
            </a:lvl1pPr>
            <a:lvl2pPr marL="345597" indent="0">
              <a:buNone/>
              <a:defRPr sz="907"/>
            </a:lvl2pPr>
            <a:lvl3pPr marL="691195" indent="0">
              <a:buNone/>
              <a:defRPr sz="756"/>
            </a:lvl3pPr>
            <a:lvl4pPr marL="1036792" indent="0">
              <a:buNone/>
              <a:defRPr sz="680"/>
            </a:lvl4pPr>
            <a:lvl5pPr marL="1382390" indent="0">
              <a:buNone/>
              <a:defRPr sz="680"/>
            </a:lvl5pPr>
            <a:lvl6pPr marL="1727987" indent="0">
              <a:buNone/>
              <a:defRPr sz="680"/>
            </a:lvl6pPr>
            <a:lvl7pPr marL="2073585" indent="0">
              <a:buNone/>
              <a:defRPr sz="680"/>
            </a:lvl7pPr>
            <a:lvl8pPr marL="2419182" indent="0">
              <a:buNone/>
              <a:defRPr sz="680"/>
            </a:lvl8pPr>
            <a:lvl9pPr marL="2764780" indent="0">
              <a:buNone/>
              <a:defRPr sz="680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25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6026693" y="3178922"/>
            <a:ext cx="2494851" cy="435665"/>
          </a:xfrm>
        </p:spPr>
        <p:txBody>
          <a:bodyPr anchor="b">
            <a:noAutofit/>
          </a:bodyPr>
          <a:lstStyle>
            <a:lvl1pPr marL="0" indent="0" algn="ctr">
              <a:lnSpc>
                <a:spcPct val="85000"/>
              </a:lnSpc>
              <a:buNone/>
              <a:defRPr sz="1663" b="0">
                <a:solidFill>
                  <a:schemeClr val="tx1"/>
                </a:solidFill>
              </a:defRPr>
            </a:lvl1pPr>
            <a:lvl2pPr marL="345597" indent="0">
              <a:buNone/>
              <a:defRPr sz="1512" b="1"/>
            </a:lvl2pPr>
            <a:lvl3pPr marL="691195" indent="0">
              <a:buNone/>
              <a:defRPr sz="1361" b="1"/>
            </a:lvl3pPr>
            <a:lvl4pPr marL="1036792" indent="0">
              <a:buNone/>
              <a:defRPr sz="1209" b="1"/>
            </a:lvl4pPr>
            <a:lvl5pPr marL="1382390" indent="0">
              <a:buNone/>
              <a:defRPr sz="1209" b="1"/>
            </a:lvl5pPr>
            <a:lvl6pPr marL="1727987" indent="0">
              <a:buNone/>
              <a:defRPr sz="1209" b="1"/>
            </a:lvl6pPr>
            <a:lvl7pPr marL="2073585" indent="0">
              <a:buNone/>
              <a:defRPr sz="1209" b="1"/>
            </a:lvl7pPr>
            <a:lvl8pPr marL="2419182" indent="0">
              <a:buNone/>
              <a:defRPr sz="1209" b="1"/>
            </a:lvl8pPr>
            <a:lvl9pPr marL="2764780" indent="0">
              <a:buNone/>
              <a:defRPr sz="1209" b="1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26" name="Picture Placeholder 2"/>
          <p:cNvSpPr>
            <a:spLocks noGrp="1" noChangeAspect="1"/>
          </p:cNvSpPr>
          <p:nvPr>
            <p:ph type="pic" idx="22"/>
          </p:nvPr>
        </p:nvSpPr>
        <p:spPr>
          <a:xfrm>
            <a:off x="6026692" y="1789566"/>
            <a:ext cx="2498061" cy="1152172"/>
          </a:xfrm>
          <a:prstGeom prst="roundRect">
            <a:avLst>
              <a:gd name="adj" fmla="val 8841"/>
            </a:avLst>
          </a:prstGeom>
          <a:noFill/>
          <a:ln w="82550" cap="sq">
            <a:solidFill>
              <a:srgbClr val="EAEAEA"/>
            </a:solidFill>
            <a:miter lim="800000"/>
          </a:ln>
          <a:effectLst/>
          <a:scene3d>
            <a:camera prst="orthographicFront"/>
            <a:lightRig rig="threePt" dir="t">
              <a:rot lat="0" lon="0" rev="2700000"/>
            </a:lightRig>
          </a:scene3d>
          <a:sp3d contourW="6350">
            <a:bevelT h="38100"/>
            <a:contourClr>
              <a:srgbClr val="C0C0C0"/>
            </a:contourClr>
          </a:sp3d>
        </p:spPr>
        <p:txBody>
          <a:bodyPr anchor="t">
            <a:normAutofit/>
          </a:bodyPr>
          <a:lstStyle>
            <a:lvl1pPr marL="0" indent="0" algn="ctr">
              <a:buNone/>
              <a:defRPr sz="1209"/>
            </a:lvl1pPr>
            <a:lvl2pPr marL="345597" indent="0">
              <a:buNone/>
              <a:defRPr sz="1209"/>
            </a:lvl2pPr>
            <a:lvl3pPr marL="691195" indent="0">
              <a:buNone/>
              <a:defRPr sz="1209"/>
            </a:lvl3pPr>
            <a:lvl4pPr marL="1036792" indent="0">
              <a:buNone/>
              <a:defRPr sz="1209"/>
            </a:lvl4pPr>
            <a:lvl5pPr marL="1382390" indent="0">
              <a:buNone/>
              <a:defRPr sz="1209"/>
            </a:lvl5pPr>
            <a:lvl6pPr marL="1727987" indent="0">
              <a:buNone/>
              <a:defRPr sz="1209"/>
            </a:lvl6pPr>
            <a:lvl7pPr marL="2073585" indent="0">
              <a:buNone/>
              <a:defRPr sz="1209"/>
            </a:lvl7pPr>
            <a:lvl8pPr marL="2419182" indent="0">
              <a:buNone/>
              <a:defRPr sz="1209"/>
            </a:lvl8pPr>
            <a:lvl9pPr marL="2764780" indent="0">
              <a:buNone/>
              <a:defRPr sz="1209"/>
            </a:lvl9pPr>
          </a:lstStyle>
          <a:p>
            <a:r>
              <a:rPr lang="cs-CZ"/>
              <a:t>Kliknutím na ikonu přidáte obrázek.</a:t>
            </a:r>
            <a:endParaRPr lang="en-US" dirty="0"/>
          </a:p>
        </p:txBody>
      </p:sp>
      <p:sp>
        <p:nvSpPr>
          <p:cNvPr id="27" name="Text Placeholder 3"/>
          <p:cNvSpPr>
            <a:spLocks noGrp="1"/>
          </p:cNvSpPr>
          <p:nvPr>
            <p:ph type="body" sz="half" idx="20"/>
          </p:nvPr>
        </p:nvSpPr>
        <p:spPr>
          <a:xfrm>
            <a:off x="6026598" y="3614584"/>
            <a:ext cx="2498155" cy="763670"/>
          </a:xfrm>
        </p:spPr>
        <p:txBody>
          <a:bodyPr anchor="t">
            <a:normAutofit/>
          </a:bodyPr>
          <a:lstStyle>
            <a:lvl1pPr marL="0" indent="0" algn="ctr">
              <a:buNone/>
              <a:defRPr sz="1058"/>
            </a:lvl1pPr>
            <a:lvl2pPr marL="345597" indent="0">
              <a:buNone/>
              <a:defRPr sz="907"/>
            </a:lvl2pPr>
            <a:lvl3pPr marL="691195" indent="0">
              <a:buNone/>
              <a:defRPr sz="756"/>
            </a:lvl3pPr>
            <a:lvl4pPr marL="1036792" indent="0">
              <a:buNone/>
              <a:defRPr sz="680"/>
            </a:lvl4pPr>
            <a:lvl5pPr marL="1382390" indent="0">
              <a:buNone/>
              <a:defRPr sz="680"/>
            </a:lvl5pPr>
            <a:lvl6pPr marL="1727987" indent="0">
              <a:buNone/>
              <a:defRPr sz="680"/>
            </a:lvl6pPr>
            <a:lvl7pPr marL="2073585" indent="0">
              <a:buNone/>
              <a:defRPr sz="680"/>
            </a:lvl7pPr>
            <a:lvl8pPr marL="2419182" indent="0">
              <a:buNone/>
              <a:defRPr sz="680"/>
            </a:lvl8pPr>
            <a:lvl9pPr marL="2764780" indent="0">
              <a:buNone/>
              <a:defRPr sz="680"/>
            </a:lvl9pPr>
          </a:lstStyle>
          <a:p>
            <a:pPr lvl="0"/>
            <a:r>
              <a:rPr lang="cs-CZ"/>
              <a:t>Po kliknutí můžete upravovat styly textu v předloze.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68959166"/>
      </p:ext>
    </p:extLst>
  </p:cSld>
  <p:clrMapOvr>
    <a:masterClrMapping/>
  </p:clrMapOvr>
  <p:hf hdr="0"/>
</p:sldLayout>
</file>

<file path=ppt/slideLayouts/slideLayout44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Nadpis a svislý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11" name="Vertical Text Placeholder 2"/>
          <p:cNvSpPr>
            <a:spLocks noGrp="1"/>
          </p:cNvSpPr>
          <p:nvPr>
            <p:ph type="body" orient="vert" sz="quarter" idx="13"/>
          </p:nvPr>
        </p:nvSpPr>
        <p:spPr>
          <a:xfrm>
            <a:off x="690685" y="1789567"/>
            <a:ext cx="7834069" cy="2588688"/>
          </a:xfrm>
        </p:spPr>
        <p:txBody>
          <a:bodyPr vert="eaVert"/>
          <a:lstStyle/>
          <a:p>
            <a:pPr lvl="0"/>
            <a:r>
              <a:rPr lang="cs-CZ"/>
              <a:t>Po kliknutí můžete upravovat styly textu v předloze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05115344"/>
      </p:ext>
    </p:extLst>
  </p:cSld>
  <p:clrMapOvr>
    <a:masterClrMapping/>
  </p:clrMapOvr>
  <p:hf hdr="0"/>
</p:sldLayout>
</file>

<file path=ppt/slideLayouts/slideLayout44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Svislý nadpis a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Droplets-HD-Content-R1d.png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215438" cy="5184775"/>
          </a:xfrm>
          <a:prstGeom prst="rect">
            <a:avLst/>
          </a:prstGeom>
        </p:spPr>
      </p:pic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6594798" y="460870"/>
            <a:ext cx="1929955" cy="3917385"/>
          </a:xfrm>
        </p:spPr>
        <p:txBody>
          <a:bodyPr vert="eaVert"/>
          <a:lstStyle>
            <a:lvl1pPr algn="l">
              <a:defRPr/>
            </a:lvl1pPr>
          </a:lstStyle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8" name="Vertical Text Placeholder 2"/>
          <p:cNvSpPr>
            <a:spLocks noGrp="1"/>
          </p:cNvSpPr>
          <p:nvPr>
            <p:ph type="body" orient="vert" sz="quarter" idx="13"/>
          </p:nvPr>
        </p:nvSpPr>
        <p:spPr>
          <a:xfrm>
            <a:off x="690685" y="460870"/>
            <a:ext cx="5788919" cy="3917385"/>
          </a:xfrm>
        </p:spPr>
        <p:txBody>
          <a:bodyPr vert="eaVert"/>
          <a:lstStyle/>
          <a:p>
            <a:pPr lvl="0"/>
            <a:r>
              <a:rPr lang="cs-CZ"/>
              <a:t>Po kliknutí můžete upravovat styly textu v předloze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608795"/>
      </p:ext>
    </p:extLst>
  </p:cSld>
  <p:clrMapOvr>
    <a:masterClrMapping/>
  </p:clrMapOvr>
  <p:hf hdr="0"/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87342521"/>
      </p:ext>
    </p:extLst>
  </p:cSld>
  <p:clrMapOvr>
    <a:masterClrMapping/>
  </p:clrMapOvr>
  <p:transition>
    <p:fade/>
  </p:transition>
</p:sldLayout>
</file>

<file path=ppt/slideLayouts/slideLayout45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0593306"/>
      </p:ext>
    </p:extLst>
  </p:cSld>
  <p:clrMapOvr>
    <a:masterClrMapping/>
  </p:clrMapOvr>
  <p:transition>
    <p:fade/>
  </p:transition>
</p:sldLayout>
</file>

<file path=ppt/slideLayouts/slideLayout451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Nadpis a obsah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Nadpis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/>
              <a:t>Klepnutím lze upravit styl předlohy nadpisů.</a:t>
            </a:r>
          </a:p>
        </p:txBody>
      </p:sp>
      <p:sp>
        <p:nvSpPr>
          <p:cNvPr id="3" name="Zástupný symbol pro obsah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cs-CZ"/>
              <a:t>Klepnutím lze upravit styly předlohy textu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</a:p>
        </p:txBody>
      </p:sp>
      <p:sp>
        <p:nvSpPr>
          <p:cNvPr id="4" name="Zástupný symbol pro datum 3">
            <a:extLst>
              <a:ext uri="{FF2B5EF4-FFF2-40B4-BE49-F238E27FC236}">
                <a16:creationId xmlns:a16="http://schemas.microsoft.com/office/drawing/2014/main" id="{31E7348A-E8A2-426F-98B6-900285E5BC3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BA095089-30A5-4213-9BF0-95572414DD06}" type="datetimeFigureOut">
              <a:rPr lang="cs-CZ" altLang="cs-CZ"/>
              <a:pPr>
                <a:defRPr/>
              </a:pPr>
              <a:t>27.10.2021</a:t>
            </a:fld>
            <a:endParaRPr lang="cs-CZ" altLang="cs-CZ"/>
          </a:p>
        </p:txBody>
      </p:sp>
      <p:sp>
        <p:nvSpPr>
          <p:cNvPr id="5" name="Zástupný symbol pro zápatí 4">
            <a:extLst>
              <a:ext uri="{FF2B5EF4-FFF2-40B4-BE49-F238E27FC236}">
                <a16:creationId xmlns:a16="http://schemas.microsoft.com/office/drawing/2014/main" id="{93EDAB6B-EF49-4CA5-9050-2F5A4172A9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cs-CZ"/>
          </a:p>
        </p:txBody>
      </p:sp>
      <p:sp>
        <p:nvSpPr>
          <p:cNvPr id="6" name="Zástupný symbol pro číslo snímku 5">
            <a:extLst>
              <a:ext uri="{FF2B5EF4-FFF2-40B4-BE49-F238E27FC236}">
                <a16:creationId xmlns:a16="http://schemas.microsoft.com/office/drawing/2014/main" id="{2F41B151-5982-4306-8CDC-3659FFBDBD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209299B0-2A03-4010-8CBC-975980F96814}" type="slidenum">
              <a:rPr lang="cs-CZ" altLang="cs-CZ"/>
              <a:pPr>
                <a:defRPr/>
              </a:pPr>
              <a:t>‹#›</a:t>
            </a:fld>
            <a:endParaRPr lang="cs-CZ" altLang="cs-CZ"/>
          </a:p>
        </p:txBody>
      </p:sp>
    </p:spTree>
    <p:extLst>
      <p:ext uri="{BB962C8B-B14F-4D97-AF65-F5344CB8AC3E}">
        <p14:creationId xmlns:p14="http://schemas.microsoft.com/office/powerpoint/2010/main" val="3520212237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13765811"/>
      </p:ext>
    </p:extLst>
  </p:cSld>
  <p:clrMapOvr>
    <a:masterClrMapping/>
  </p:clrMapOvr>
  <p:transition>
    <p:fade/>
  </p:transition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20594196"/>
      </p:ext>
    </p:extLst>
  </p:cSld>
  <p:clrMapOvr>
    <a:masterClrMapping/>
  </p:clrMapOvr>
  <p:transition>
    <p:fade/>
  </p:transition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34044432"/>
      </p:ext>
    </p:extLst>
  </p:cSld>
  <p:clrMapOvr>
    <a:masterClrMapping/>
  </p:clrMapOvr>
  <p:transition>
    <p:fade/>
  </p:transition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89599836"/>
      </p:ext>
    </p:extLst>
  </p:cSld>
  <p:clrMapOvr>
    <a:masterClrMapping/>
  </p:clrMapOvr>
  <p:transition>
    <p:fade/>
  </p:transition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6011513"/>
      </p:ext>
    </p:extLst>
  </p:cSld>
  <p:clrMapOvr>
    <a:masterClrMapping/>
  </p:clrMapOvr>
  <p:transition>
    <p:fade/>
  </p:transition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80575301"/>
      </p:ext>
    </p:extLst>
  </p:cSld>
  <p:clrMapOvr>
    <a:masterClrMapping/>
  </p:clrMapOvr>
  <p:transition>
    <p:fade/>
  </p:transition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0548568"/>
      </p:ext>
    </p:extLst>
  </p:cSld>
  <p:clrMapOvr>
    <a:masterClrMapping/>
  </p:clrMapOvr>
  <p:transition>
    <p:fade/>
  </p:transition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2568779"/>
      </p:ext>
    </p:extLst>
  </p:cSld>
  <p:clrMapOvr>
    <a:masterClrMapping/>
  </p:clrMapOvr>
  <p:transition>
    <p:fade/>
  </p:transition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94428591"/>
      </p:ext>
    </p:extLst>
  </p:cSld>
  <p:clrMapOvr>
    <a:masterClrMapping/>
  </p:clrMapOvr>
  <p:transition>
    <p:fade/>
  </p:transition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96909427"/>
      </p:ext>
    </p:extLst>
  </p:cSld>
  <p:clrMapOvr>
    <a:masterClrMapping/>
  </p:clrMapOvr>
  <p:transition>
    <p:fade/>
  </p:transition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50974535"/>
      </p:ext>
    </p:extLst>
  </p:cSld>
  <p:clrMapOvr>
    <a:masterClrMapping/>
  </p:clrMapOvr>
  <p:transition>
    <p:fade/>
  </p:transition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20097644"/>
      </p:ext>
    </p:extLst>
  </p:cSld>
  <p:clrMapOvr>
    <a:masterClrMapping/>
  </p:clrMapOvr>
  <p:transition>
    <p:fade/>
  </p:transition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00261960"/>
      </p:ext>
    </p:extLst>
  </p:cSld>
  <p:clrMapOvr>
    <a:masterClrMapping/>
  </p:clrMapOvr>
  <p:transition>
    <p:fade/>
  </p:transition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598484"/>
      </p:ext>
    </p:extLst>
  </p:cSld>
  <p:clrMapOvr>
    <a:masterClrMapping/>
  </p:clrMapOvr>
  <p:transition>
    <p:fade/>
  </p:transition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85674105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29316136"/>
      </p:ext>
    </p:extLst>
  </p:cSld>
  <p:clrMapOvr>
    <a:masterClrMapping/>
  </p:clrMapOvr>
  <p:transition>
    <p:fade/>
  </p:transition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0316340"/>
      </p:ext>
    </p:extLst>
  </p:cSld>
  <p:clrMapOvr>
    <a:masterClrMapping/>
  </p:clrMapOvr>
  <p:transition>
    <p:fade/>
  </p:transition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63204391"/>
      </p:ext>
    </p:extLst>
  </p:cSld>
  <p:clrMapOvr>
    <a:masterClrMapping/>
  </p:clrMapOvr>
  <p:transition>
    <p:fade/>
  </p:transition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5469813"/>
      </p:ext>
    </p:extLst>
  </p:cSld>
  <p:clrMapOvr>
    <a:masterClrMapping/>
  </p:clrMapOvr>
  <p:transition>
    <p:fade/>
  </p:transition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8805357"/>
      </p:ext>
    </p:extLst>
  </p:cSld>
  <p:clrMapOvr>
    <a:masterClrMapping/>
  </p:clrMapOvr>
  <p:transition>
    <p:fade/>
  </p:transition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9527" y="288131"/>
            <a:ext cx="2016424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895951" y="288131"/>
            <a:ext cx="2016424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912375" y="288131"/>
            <a:ext cx="2016424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303761" cy="2304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9528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4895951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912375" y="3456483"/>
            <a:ext cx="1728192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224147F-EA20-4FE7-9334-F2684B3D5509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63C741AD-6644-4AE0-B33C-16896427E53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92FC458-31AA-4ADA-B7BB-38BB5862B030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13028688"/>
      </p:ext>
    </p:extLst>
  </p:cSld>
  <p:clrMapOvr>
    <a:masterClrMapping/>
  </p:clrMapOvr>
  <p:transition>
    <p:fade/>
  </p:transition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160139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447478" y="1152227"/>
            <a:ext cx="2163649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611127" y="1152227"/>
            <a:ext cx="2161846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772973" y="1152227"/>
            <a:ext cx="2161846" cy="2304256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2447478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4611127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6772973" y="3744515"/>
            <a:ext cx="1872209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40052F-66D0-4CF7-BDCF-30F247412015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5DC62ADE-406C-4196-A0D7-998CA9D2E8E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0025956-76F2-4965-BA46-222B033F312E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5" name="Text Placeholder 15">
            <a:extLst>
              <a:ext uri="{FF2B5EF4-FFF2-40B4-BE49-F238E27FC236}">
                <a16:creationId xmlns:a16="http://schemas.microsoft.com/office/drawing/2014/main" id="{745F9069-44EC-4137-890C-B9B0DA5CCFD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75218726"/>
      </p:ext>
    </p:extLst>
  </p:cSld>
  <p:clrMapOvr>
    <a:masterClrMapping/>
  </p:clrMapOvr>
  <p:transition>
    <p:fade/>
  </p:transition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 + Description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591494" y="288131"/>
            <a:ext cx="1584000" cy="28803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175494" y="288131"/>
            <a:ext cx="1584000" cy="288032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759494" y="288131"/>
            <a:ext cx="1584000" cy="288032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2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7343494" y="288131"/>
            <a:ext cx="1584000" cy="288032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D898A731-213A-4339-8CA8-9E1916EACB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2015729" cy="2304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CE725B1-3137-4CE9-9320-3816D119A0B7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0" name="Text Placeholder 18">
            <a:extLst>
              <a:ext uri="{FF2B5EF4-FFF2-40B4-BE49-F238E27FC236}">
                <a16:creationId xmlns:a16="http://schemas.microsoft.com/office/drawing/2014/main" id="{4B20DDC1-39BA-43B4-843F-07C3E46A0EA9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591496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1" name="Text Placeholder 18">
            <a:extLst>
              <a:ext uri="{FF2B5EF4-FFF2-40B4-BE49-F238E27FC236}">
                <a16:creationId xmlns:a16="http://schemas.microsoft.com/office/drawing/2014/main" id="{FAA65DB6-2E3B-4611-B3AB-382BA57EDD71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 bwMode="gray">
          <a:xfrm>
            <a:off x="4175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3" name="Text Placeholder 18">
            <a:extLst>
              <a:ext uri="{FF2B5EF4-FFF2-40B4-BE49-F238E27FC236}">
                <a16:creationId xmlns:a16="http://schemas.microsoft.com/office/drawing/2014/main" id="{DE34A013-F438-4001-ABF1-FC6F19E3FB47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 bwMode="gray">
          <a:xfrm>
            <a:off x="5759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2269CA9-20B1-41ED-94C6-442ACA56F7C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 bwMode="gray">
          <a:xfrm>
            <a:off x="7343494" y="3456483"/>
            <a:ext cx="1296144" cy="1152128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5821FD2-CD7E-4B52-8B54-4F5A29F34ECA}"/>
              </a:ext>
            </a:extLst>
          </p:cNvPr>
          <p:cNvSpPr>
            <a:spLocks noGrp="1"/>
          </p:cNvSpPr>
          <p:nvPr>
            <p:ph type="dt" sz="half" idx="38"/>
          </p:nvPr>
        </p:nvSpPr>
        <p:spPr/>
        <p:txBody>
          <a:bodyPr/>
          <a:lstStyle/>
          <a:p>
            <a:fld id="{02C6CCC6-AF6C-496E-85C1-45F8705EB03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443346-9A79-4C4A-A04B-C876B4F41F8C}"/>
              </a:ext>
            </a:extLst>
          </p:cNvPr>
          <p:cNvSpPr>
            <a:spLocks noGrp="1"/>
          </p:cNvSpPr>
          <p:nvPr>
            <p:ph type="ftr" sz="quarter" idx="39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7791691"/>
      </p:ext>
    </p:extLst>
  </p:cSld>
  <p:clrMapOvr>
    <a:masterClrMapping/>
  </p:clrMapOvr>
  <p:transition>
    <p:fade/>
  </p:transition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87338"/>
            <a:ext cx="5184576" cy="1728985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287239" y="2304356"/>
            <a:ext cx="2880320" cy="2304255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288131"/>
            <a:ext cx="2879840" cy="374441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455592" y="2304355"/>
            <a:ext cx="2016224" cy="1728191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40C698-D1FC-4346-802E-9A807F4887ED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E7EE08C3-0813-41F7-A9F9-BFAA86A463A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6DB7F20-B0D4-4C7F-9BF0-B4DBA43B570D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62746446"/>
      </p:ext>
    </p:extLst>
  </p:cSld>
  <p:clrMapOvr>
    <a:masterClrMapping/>
  </p:clrMapOvr>
  <p:transition>
    <p:fade/>
  </p:transition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2" y="287338"/>
            <a:ext cx="4895553" cy="2017017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three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3167559" cy="4320579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5471815" y="3744614"/>
            <a:ext cx="2304256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3743622" y="2304356"/>
            <a:ext cx="3168353" cy="1152128"/>
          </a:xfrm>
        </p:spPr>
        <p:txBody>
          <a:bodyPr anchor="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0B42700-7453-4088-851F-E32391A21BE7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2ED50FE0-46D2-4F3B-9B65-C72187036D5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35A158C-9DE1-4594-BF7B-16FE0B5502C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863733" y="4897438"/>
            <a:ext cx="4032117" cy="287282"/>
          </a:xfrm>
        </p:spPr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936454"/>
      </p:ext>
    </p:extLst>
  </p:cSld>
  <p:clrMapOvr>
    <a:masterClrMapping/>
  </p:clrMapOvr>
  <p:transition>
    <p:fade/>
  </p:transition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ighlight Slid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55A5B4-1761-4158-AD97-0A59FBE14C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sp>
        <p:nvSpPr>
          <p:cNvPr id="15" name="Title 4">
            <a:extLst>
              <a:ext uri="{FF2B5EF4-FFF2-40B4-BE49-F238E27FC236}">
                <a16:creationId xmlns:a16="http://schemas.microsoft.com/office/drawing/2014/main" id="{20882D91-F6FB-4F3D-A831-C600EBC68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239" y="2304356"/>
            <a:ext cx="5184576" cy="2304256"/>
          </a:xfrm>
        </p:spPr>
        <p:txBody>
          <a:bodyPr bIns="144000" anchor="t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write over four lines or less.</a:t>
            </a:r>
            <a:endParaRPr lang="en-US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103A0D1A-6894-4F1C-8355-B559A7B10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6623943" cy="2016323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49BE1287-86BC-420F-8478-80A41EEB9015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 bwMode="gray">
          <a:xfrm>
            <a:off x="6047879" y="3168451"/>
            <a:ext cx="2879840" cy="144016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17E2B336-6773-4090-AA75-A7C3204A8F79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 bwMode="gray">
          <a:xfrm>
            <a:off x="6911975" y="287338"/>
            <a:ext cx="2016125" cy="1728787"/>
          </a:xfrm>
        </p:spPr>
        <p:txBody>
          <a:bodyPr anchor="b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D69B59-023F-455A-BCAB-E18D564CE80C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AA61B109-2F8B-41E6-8056-2A55A424E337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5AC6B0-E0BC-4B75-BD21-ECEB5112C608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33135805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93866671"/>
      </p:ext>
    </p:extLst>
  </p:cSld>
  <p:clrMapOvr>
    <a:masterClrMapping/>
  </p:clrMapOvr>
  <p:transition>
    <p:fade/>
  </p:transition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sumer Profile Insig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grpSp>
        <p:nvGrpSpPr>
          <p:cNvPr id="37" name="Group 36">
            <a:extLst>
              <a:ext uri="{FF2B5EF4-FFF2-40B4-BE49-F238E27FC236}">
                <a16:creationId xmlns:a16="http://schemas.microsoft.com/office/drawing/2014/main" id="{0F43F632-D035-4929-ADCA-67D26910EE79}"/>
              </a:ext>
            </a:extLst>
          </p:cNvPr>
          <p:cNvGrpSpPr/>
          <p:nvPr userDrawn="1"/>
        </p:nvGrpSpPr>
        <p:grpSpPr bwMode="gray">
          <a:xfrm>
            <a:off x="2880305" y="1239796"/>
            <a:ext cx="225242" cy="200463"/>
            <a:chOff x="3511551" y="-1402656"/>
            <a:chExt cx="1443038" cy="1284288"/>
          </a:xfrm>
        </p:grpSpPr>
        <p:sp>
          <p:nvSpPr>
            <p:cNvPr id="38" name="Freeform 6">
              <a:extLst>
                <a:ext uri="{FF2B5EF4-FFF2-40B4-BE49-F238E27FC236}">
                  <a16:creationId xmlns:a16="http://schemas.microsoft.com/office/drawing/2014/main" id="{D3CA7162-5F80-4E4F-991B-16B47A7A7E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511551" y="-1208981"/>
              <a:ext cx="1443038" cy="1090613"/>
            </a:xfrm>
            <a:custGeom>
              <a:avLst/>
              <a:gdLst>
                <a:gd name="T0" fmla="*/ 620 w 909"/>
                <a:gd name="T1" fmla="*/ 0 h 687"/>
                <a:gd name="T2" fmla="*/ 909 w 909"/>
                <a:gd name="T3" fmla="*/ 0 h 687"/>
                <a:gd name="T4" fmla="*/ 909 w 909"/>
                <a:gd name="T5" fmla="*/ 687 h 687"/>
                <a:gd name="T6" fmla="*/ 0 w 909"/>
                <a:gd name="T7" fmla="*/ 687 h 687"/>
                <a:gd name="T8" fmla="*/ 0 w 909"/>
                <a:gd name="T9" fmla="*/ 0 h 687"/>
                <a:gd name="T10" fmla="*/ 290 w 909"/>
                <a:gd name="T11" fmla="*/ 0 h 6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09" h="687">
                  <a:moveTo>
                    <a:pt x="620" y="0"/>
                  </a:moveTo>
                  <a:lnTo>
                    <a:pt x="909" y="0"/>
                  </a:lnTo>
                  <a:lnTo>
                    <a:pt x="909" y="687"/>
                  </a:lnTo>
                  <a:lnTo>
                    <a:pt x="0" y="687"/>
                  </a:lnTo>
                  <a:lnTo>
                    <a:pt x="0" y="0"/>
                  </a:lnTo>
                  <a:lnTo>
                    <a:pt x="290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39" name="Freeform 7">
              <a:extLst>
                <a:ext uri="{FF2B5EF4-FFF2-40B4-BE49-F238E27FC236}">
                  <a16:creationId xmlns:a16="http://schemas.microsoft.com/office/drawing/2014/main" id="{B1E774EB-E89C-4FB6-9640-2D3E053FFF82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913706"/>
              <a:ext cx="528638" cy="628650"/>
            </a:xfrm>
            <a:custGeom>
              <a:avLst/>
              <a:gdLst>
                <a:gd name="T0" fmla="*/ 0 w 333"/>
                <a:gd name="T1" fmla="*/ 0 h 396"/>
                <a:gd name="T2" fmla="*/ 333 w 333"/>
                <a:gd name="T3" fmla="*/ 0 h 396"/>
                <a:gd name="T4" fmla="*/ 333 w 333"/>
                <a:gd name="T5" fmla="*/ 396 h 396"/>
                <a:gd name="T6" fmla="*/ 0 w 333"/>
                <a:gd name="T7" fmla="*/ 396 h 396"/>
                <a:gd name="T8" fmla="*/ 0 w 333"/>
                <a:gd name="T9" fmla="*/ 0 h 396"/>
                <a:gd name="T10" fmla="*/ 0 w 333"/>
                <a:gd name="T11" fmla="*/ 0 h 3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3" h="396">
                  <a:moveTo>
                    <a:pt x="0" y="0"/>
                  </a:moveTo>
                  <a:lnTo>
                    <a:pt x="333" y="0"/>
                  </a:lnTo>
                  <a:lnTo>
                    <a:pt x="333" y="396"/>
                  </a:lnTo>
                  <a:lnTo>
                    <a:pt x="0" y="396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3" name="Freeform 8">
              <a:extLst>
                <a:ext uri="{FF2B5EF4-FFF2-40B4-BE49-F238E27FC236}">
                  <a16:creationId xmlns:a16="http://schemas.microsoft.com/office/drawing/2014/main" id="{8733B651-C3F8-436F-A648-A21DD06AF1CB}"/>
                </a:ext>
              </a:extLst>
            </p:cNvPr>
            <p:cNvSpPr>
              <a:spLocks/>
            </p:cNvSpPr>
            <p:nvPr/>
          </p:nvSpPr>
          <p:spPr bwMode="gray">
            <a:xfrm>
              <a:off x="3676651" y="-481906"/>
              <a:ext cx="528638" cy="196850"/>
            </a:xfrm>
            <a:custGeom>
              <a:avLst/>
              <a:gdLst>
                <a:gd name="T0" fmla="*/ 70 w 140"/>
                <a:gd name="T1" fmla="*/ 52 h 52"/>
                <a:gd name="T2" fmla="*/ 140 w 140"/>
                <a:gd name="T3" fmla="*/ 52 h 52"/>
                <a:gd name="T4" fmla="*/ 140 w 140"/>
                <a:gd name="T5" fmla="*/ 22 h 52"/>
                <a:gd name="T6" fmla="*/ 70 w 140"/>
                <a:gd name="T7" fmla="*/ 0 h 52"/>
                <a:gd name="T8" fmla="*/ 0 w 140"/>
                <a:gd name="T9" fmla="*/ 22 h 52"/>
                <a:gd name="T10" fmla="*/ 0 w 140"/>
                <a:gd name="T11" fmla="*/ 52 h 52"/>
                <a:gd name="T12" fmla="*/ 70 w 140"/>
                <a:gd name="T13" fmla="*/ 52 h 52"/>
                <a:gd name="T14" fmla="*/ 70 w 140"/>
                <a:gd name="T15" fmla="*/ 52 h 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0" h="52">
                  <a:moveTo>
                    <a:pt x="70" y="52"/>
                  </a:moveTo>
                  <a:cubicBezTo>
                    <a:pt x="140" y="52"/>
                    <a:pt x="140" y="52"/>
                    <a:pt x="140" y="52"/>
                  </a:cubicBezTo>
                  <a:cubicBezTo>
                    <a:pt x="140" y="22"/>
                    <a:pt x="140" y="22"/>
                    <a:pt x="140" y="22"/>
                  </a:cubicBezTo>
                  <a:cubicBezTo>
                    <a:pt x="136" y="18"/>
                    <a:pt x="102" y="0"/>
                    <a:pt x="70" y="0"/>
                  </a:cubicBezTo>
                  <a:cubicBezTo>
                    <a:pt x="38" y="0"/>
                    <a:pt x="3" y="18"/>
                    <a:pt x="0" y="22"/>
                  </a:cubicBezTo>
                  <a:cubicBezTo>
                    <a:pt x="0" y="52"/>
                    <a:pt x="0" y="52"/>
                    <a:pt x="0" y="52"/>
                  </a:cubicBezTo>
                  <a:cubicBezTo>
                    <a:pt x="70" y="52"/>
                    <a:pt x="70" y="52"/>
                    <a:pt x="70" y="52"/>
                  </a:cubicBezTo>
                  <a:cubicBezTo>
                    <a:pt x="70" y="52"/>
                    <a:pt x="70" y="52"/>
                    <a:pt x="70" y="52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4" name="Freeform 9">
              <a:extLst>
                <a:ext uri="{FF2B5EF4-FFF2-40B4-BE49-F238E27FC236}">
                  <a16:creationId xmlns:a16="http://schemas.microsoft.com/office/drawing/2014/main" id="{B97AE7A9-B741-43FB-8D3C-4F60A7A0FF36}"/>
                </a:ext>
              </a:extLst>
            </p:cNvPr>
            <p:cNvSpPr>
              <a:spLocks/>
            </p:cNvSpPr>
            <p:nvPr/>
          </p:nvSpPr>
          <p:spPr bwMode="gray">
            <a:xfrm>
              <a:off x="3843338" y="-807343"/>
              <a:ext cx="195263" cy="227013"/>
            </a:xfrm>
            <a:custGeom>
              <a:avLst/>
              <a:gdLst>
                <a:gd name="T0" fmla="*/ 26 w 52"/>
                <a:gd name="T1" fmla="*/ 0 h 60"/>
                <a:gd name="T2" fmla="*/ 26 w 52"/>
                <a:gd name="T3" fmla="*/ 0 h 60"/>
                <a:gd name="T4" fmla="*/ 0 w 52"/>
                <a:gd name="T5" fmla="*/ 26 h 60"/>
                <a:gd name="T6" fmla="*/ 0 w 52"/>
                <a:gd name="T7" fmla="*/ 34 h 60"/>
                <a:gd name="T8" fmla="*/ 26 w 52"/>
                <a:gd name="T9" fmla="*/ 60 h 60"/>
                <a:gd name="T10" fmla="*/ 26 w 52"/>
                <a:gd name="T11" fmla="*/ 60 h 60"/>
                <a:gd name="T12" fmla="*/ 52 w 52"/>
                <a:gd name="T13" fmla="*/ 34 h 60"/>
                <a:gd name="T14" fmla="*/ 52 w 52"/>
                <a:gd name="T15" fmla="*/ 26 h 60"/>
                <a:gd name="T16" fmla="*/ 26 w 52"/>
                <a:gd name="T17" fmla="*/ 0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2" h="60">
                  <a:moveTo>
                    <a:pt x="26" y="0"/>
                  </a:moveTo>
                  <a:cubicBezTo>
                    <a:pt x="26" y="0"/>
                    <a:pt x="26" y="0"/>
                    <a:pt x="26" y="0"/>
                  </a:cubicBezTo>
                  <a:cubicBezTo>
                    <a:pt x="12" y="0"/>
                    <a:pt x="0" y="12"/>
                    <a:pt x="0" y="26"/>
                  </a:cubicBezTo>
                  <a:cubicBezTo>
                    <a:pt x="0" y="34"/>
                    <a:pt x="0" y="34"/>
                    <a:pt x="0" y="34"/>
                  </a:cubicBezTo>
                  <a:cubicBezTo>
                    <a:pt x="0" y="48"/>
                    <a:pt x="12" y="60"/>
                    <a:pt x="26" y="60"/>
                  </a:cubicBezTo>
                  <a:cubicBezTo>
                    <a:pt x="26" y="60"/>
                    <a:pt x="26" y="60"/>
                    <a:pt x="26" y="60"/>
                  </a:cubicBezTo>
                  <a:cubicBezTo>
                    <a:pt x="40" y="60"/>
                    <a:pt x="52" y="48"/>
                    <a:pt x="52" y="34"/>
                  </a:cubicBezTo>
                  <a:cubicBezTo>
                    <a:pt x="52" y="26"/>
                    <a:pt x="52" y="26"/>
                    <a:pt x="52" y="26"/>
                  </a:cubicBezTo>
                  <a:cubicBezTo>
                    <a:pt x="52" y="12"/>
                    <a:pt x="40" y="0"/>
                    <a:pt x="26" y="0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5" name="Line 10">
              <a:extLst>
                <a:ext uri="{FF2B5EF4-FFF2-40B4-BE49-F238E27FC236}">
                  <a16:creationId xmlns:a16="http://schemas.microsoft.com/office/drawing/2014/main" id="{6B3FB9A6-8C9B-4C1B-B011-1BB6D504EAF6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777181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6" name="Line 11">
              <a:extLst>
                <a:ext uri="{FF2B5EF4-FFF2-40B4-BE49-F238E27FC236}">
                  <a16:creationId xmlns:a16="http://schemas.microsoft.com/office/drawing/2014/main" id="{6002E5A0-0E3A-47BC-9FCB-588B82BA918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629543"/>
              <a:ext cx="41910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7" name="Line 12">
              <a:extLst>
                <a:ext uri="{FF2B5EF4-FFF2-40B4-BE49-F238E27FC236}">
                  <a16:creationId xmlns:a16="http://schemas.microsoft.com/office/drawing/2014/main" id="{697081B6-0B5B-4092-AB26-CF24C2A57D97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4370388" y="-481906"/>
              <a:ext cx="222250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8" name="Line 13">
              <a:extLst>
                <a:ext uri="{FF2B5EF4-FFF2-40B4-BE49-F238E27FC236}">
                  <a16:creationId xmlns:a16="http://schemas.microsoft.com/office/drawing/2014/main" id="{167C52FF-F37C-434F-AEE1-BDA8477467BE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3971926" y="-1069281"/>
              <a:ext cx="523875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49" name="Freeform 14">
              <a:extLst>
                <a:ext uri="{FF2B5EF4-FFF2-40B4-BE49-F238E27FC236}">
                  <a16:creationId xmlns:a16="http://schemas.microsoft.com/office/drawing/2014/main" id="{8841CA98-4837-4EED-B9CB-6A97AB8A73AB}"/>
                </a:ext>
              </a:extLst>
            </p:cNvPr>
            <p:cNvSpPr>
              <a:spLocks/>
            </p:cNvSpPr>
            <p:nvPr/>
          </p:nvSpPr>
          <p:spPr bwMode="gray">
            <a:xfrm>
              <a:off x="4103688" y="-1402656"/>
              <a:ext cx="260350" cy="333375"/>
            </a:xfrm>
            <a:custGeom>
              <a:avLst/>
              <a:gdLst>
                <a:gd name="T0" fmla="*/ 0 w 164"/>
                <a:gd name="T1" fmla="*/ 0 h 210"/>
                <a:gd name="T2" fmla="*/ 164 w 164"/>
                <a:gd name="T3" fmla="*/ 0 h 210"/>
                <a:gd name="T4" fmla="*/ 164 w 164"/>
                <a:gd name="T5" fmla="*/ 210 h 210"/>
                <a:gd name="T6" fmla="*/ 0 w 164"/>
                <a:gd name="T7" fmla="*/ 210 h 210"/>
                <a:gd name="T8" fmla="*/ 0 w 164"/>
                <a:gd name="T9" fmla="*/ 0 h 210"/>
                <a:gd name="T10" fmla="*/ 0 w 164"/>
                <a:gd name="T11" fmla="*/ 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64" h="210">
                  <a:moveTo>
                    <a:pt x="0" y="0"/>
                  </a:moveTo>
                  <a:lnTo>
                    <a:pt x="164" y="0"/>
                  </a:lnTo>
                  <a:lnTo>
                    <a:pt x="164" y="210"/>
                  </a:lnTo>
                  <a:lnTo>
                    <a:pt x="0" y="21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E552AA60-8729-4069-8126-8953260C600E}"/>
              </a:ext>
            </a:extLst>
          </p:cNvPr>
          <p:cNvGrpSpPr/>
          <p:nvPr userDrawn="1"/>
        </p:nvGrpSpPr>
        <p:grpSpPr bwMode="gray">
          <a:xfrm>
            <a:off x="287239" y="1241035"/>
            <a:ext cx="288925" cy="199224"/>
            <a:chOff x="623888" y="-1394718"/>
            <a:chExt cx="1851025" cy="1276350"/>
          </a:xfrm>
        </p:grpSpPr>
        <p:sp>
          <p:nvSpPr>
            <p:cNvPr id="51" name="Freeform 5">
              <a:extLst>
                <a:ext uri="{FF2B5EF4-FFF2-40B4-BE49-F238E27FC236}">
                  <a16:creationId xmlns:a16="http://schemas.microsoft.com/office/drawing/2014/main" id="{76D5F37B-C1DA-43CF-BE7D-B8CEF2AF786A}"/>
                </a:ext>
              </a:extLst>
            </p:cNvPr>
            <p:cNvSpPr>
              <a:spLocks/>
            </p:cNvSpPr>
            <p:nvPr/>
          </p:nvSpPr>
          <p:spPr bwMode="gray">
            <a:xfrm>
              <a:off x="623888" y="-1394718"/>
              <a:ext cx="1851025" cy="1276350"/>
            </a:xfrm>
            <a:custGeom>
              <a:avLst/>
              <a:gdLst>
                <a:gd name="T0" fmla="*/ 491 w 491"/>
                <a:gd name="T1" fmla="*/ 168 h 337"/>
                <a:gd name="T2" fmla="*/ 246 w 491"/>
                <a:gd name="T3" fmla="*/ 337 h 337"/>
                <a:gd name="T4" fmla="*/ 0 w 491"/>
                <a:gd name="T5" fmla="*/ 168 h 337"/>
                <a:gd name="T6" fmla="*/ 245 w 491"/>
                <a:gd name="T7" fmla="*/ 0 h 337"/>
                <a:gd name="T8" fmla="*/ 491 w 491"/>
                <a:gd name="T9" fmla="*/ 168 h 3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91" h="337">
                  <a:moveTo>
                    <a:pt x="491" y="168"/>
                  </a:moveTo>
                  <a:cubicBezTo>
                    <a:pt x="491" y="168"/>
                    <a:pt x="382" y="337"/>
                    <a:pt x="246" y="337"/>
                  </a:cubicBezTo>
                  <a:cubicBezTo>
                    <a:pt x="111" y="337"/>
                    <a:pt x="0" y="168"/>
                    <a:pt x="0" y="168"/>
                  </a:cubicBezTo>
                  <a:cubicBezTo>
                    <a:pt x="0" y="168"/>
                    <a:pt x="109" y="0"/>
                    <a:pt x="245" y="0"/>
                  </a:cubicBezTo>
                  <a:cubicBezTo>
                    <a:pt x="380" y="0"/>
                    <a:pt x="491" y="168"/>
                    <a:pt x="491" y="168"/>
                  </a:cubicBezTo>
                  <a:close/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2" name="Oval 15">
              <a:extLst>
                <a:ext uri="{FF2B5EF4-FFF2-40B4-BE49-F238E27FC236}">
                  <a16:creationId xmlns:a16="http://schemas.microsoft.com/office/drawing/2014/main" id="{85B85F39-32F9-4058-A9C7-FA8ACFA2D32F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1276351" y="-1031181"/>
              <a:ext cx="546100" cy="549275"/>
            </a:xfrm>
            <a:prstGeom prst="ellips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3" name="Freeform 16">
              <a:extLst>
                <a:ext uri="{FF2B5EF4-FFF2-40B4-BE49-F238E27FC236}">
                  <a16:creationId xmlns:a16="http://schemas.microsoft.com/office/drawing/2014/main" id="{32B7951B-9248-48A0-9D56-F8ECEF0A70AF}"/>
                </a:ext>
              </a:extLst>
            </p:cNvPr>
            <p:cNvSpPr>
              <a:spLocks/>
            </p:cNvSpPr>
            <p:nvPr/>
          </p:nvSpPr>
          <p:spPr bwMode="gray">
            <a:xfrm>
              <a:off x="1084263" y="-1137543"/>
              <a:ext cx="192088" cy="757238"/>
            </a:xfrm>
            <a:custGeom>
              <a:avLst/>
              <a:gdLst>
                <a:gd name="T0" fmla="*/ 51 w 51"/>
                <a:gd name="T1" fmla="*/ 200 h 200"/>
                <a:gd name="T2" fmla="*/ 0 w 51"/>
                <a:gd name="T3" fmla="*/ 100 h 200"/>
                <a:gd name="T4" fmla="*/ 51 w 51"/>
                <a:gd name="T5" fmla="*/ 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51" y="200"/>
                  </a:moveTo>
                  <a:cubicBezTo>
                    <a:pt x="20" y="178"/>
                    <a:pt x="0" y="142"/>
                    <a:pt x="0" y="100"/>
                  </a:cubicBezTo>
                  <a:cubicBezTo>
                    <a:pt x="0" y="59"/>
                    <a:pt x="20" y="23"/>
                    <a:pt x="51" y="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4" name="Freeform 17">
              <a:extLst>
                <a:ext uri="{FF2B5EF4-FFF2-40B4-BE49-F238E27FC236}">
                  <a16:creationId xmlns:a16="http://schemas.microsoft.com/office/drawing/2014/main" id="{42D29D02-129A-4D2C-B3B3-FE291897F40A}"/>
                </a:ext>
              </a:extLst>
            </p:cNvPr>
            <p:cNvSpPr>
              <a:spLocks/>
            </p:cNvSpPr>
            <p:nvPr/>
          </p:nvSpPr>
          <p:spPr bwMode="gray">
            <a:xfrm>
              <a:off x="1822451" y="-1137543"/>
              <a:ext cx="192088" cy="757238"/>
            </a:xfrm>
            <a:custGeom>
              <a:avLst/>
              <a:gdLst>
                <a:gd name="T0" fmla="*/ 0 w 51"/>
                <a:gd name="T1" fmla="*/ 0 h 200"/>
                <a:gd name="T2" fmla="*/ 51 w 51"/>
                <a:gd name="T3" fmla="*/ 100 h 200"/>
                <a:gd name="T4" fmla="*/ 0 w 51"/>
                <a:gd name="T5" fmla="*/ 200 h 2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1" h="200">
                  <a:moveTo>
                    <a:pt x="0" y="0"/>
                  </a:moveTo>
                  <a:cubicBezTo>
                    <a:pt x="31" y="23"/>
                    <a:pt x="51" y="59"/>
                    <a:pt x="51" y="100"/>
                  </a:cubicBezTo>
                  <a:cubicBezTo>
                    <a:pt x="51" y="142"/>
                    <a:pt x="31" y="178"/>
                    <a:pt x="0" y="200"/>
                  </a:cubicBez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grpSp>
        <p:nvGrpSpPr>
          <p:cNvPr id="55" name="Group 30">
            <a:extLst>
              <a:ext uri="{FF2B5EF4-FFF2-40B4-BE49-F238E27FC236}">
                <a16:creationId xmlns:a16="http://schemas.microsoft.com/office/drawing/2014/main" id="{F01704B8-D01A-49AE-8879-A259941D91EC}"/>
              </a:ext>
            </a:extLst>
          </p:cNvPr>
          <p:cNvGrpSpPr>
            <a:grpSpLocks noChangeAspect="1"/>
          </p:cNvGrpSpPr>
          <p:nvPr userDrawn="1"/>
        </p:nvGrpSpPr>
        <p:grpSpPr bwMode="gray">
          <a:xfrm>
            <a:off x="5471815" y="1214394"/>
            <a:ext cx="177667" cy="225865"/>
            <a:chOff x="2556" y="1196"/>
            <a:chExt cx="693" cy="881"/>
          </a:xfrm>
        </p:grpSpPr>
        <p:sp>
          <p:nvSpPr>
            <p:cNvPr id="56" name="Rectangle 31">
              <a:extLst>
                <a:ext uri="{FF2B5EF4-FFF2-40B4-BE49-F238E27FC236}">
                  <a16:creationId xmlns:a16="http://schemas.microsoft.com/office/drawing/2014/main" id="{AC90A230-641C-4668-BA37-263DB6F42A1D}"/>
                </a:ext>
              </a:extLst>
            </p:cNvPr>
            <p:cNvSpPr>
              <a:spLocks noChangeArrowheads="1"/>
            </p:cNvSpPr>
            <p:nvPr/>
          </p:nvSpPr>
          <p:spPr bwMode="gray">
            <a:xfrm>
              <a:off x="2688" y="1196"/>
              <a:ext cx="431" cy="108"/>
            </a:xfrm>
            <a:prstGeom prst="rect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7" name="Freeform 32">
              <a:extLst>
                <a:ext uri="{FF2B5EF4-FFF2-40B4-BE49-F238E27FC236}">
                  <a16:creationId xmlns:a16="http://schemas.microsoft.com/office/drawing/2014/main" id="{C45D1171-2E96-466C-9651-6D488B7894BE}"/>
                </a:ext>
              </a:extLst>
            </p:cNvPr>
            <p:cNvSpPr>
              <a:spLocks/>
            </p:cNvSpPr>
            <p:nvPr/>
          </p:nvSpPr>
          <p:spPr bwMode="gray">
            <a:xfrm>
              <a:off x="2556" y="1239"/>
              <a:ext cx="693" cy="838"/>
            </a:xfrm>
            <a:custGeom>
              <a:avLst/>
              <a:gdLst>
                <a:gd name="T0" fmla="*/ 563 w 693"/>
                <a:gd name="T1" fmla="*/ 0 h 838"/>
                <a:gd name="T2" fmla="*/ 693 w 693"/>
                <a:gd name="T3" fmla="*/ 0 h 838"/>
                <a:gd name="T4" fmla="*/ 693 w 693"/>
                <a:gd name="T5" fmla="*/ 838 h 838"/>
                <a:gd name="T6" fmla="*/ 0 w 693"/>
                <a:gd name="T7" fmla="*/ 838 h 838"/>
                <a:gd name="T8" fmla="*/ 0 w 693"/>
                <a:gd name="T9" fmla="*/ 0 h 838"/>
                <a:gd name="T10" fmla="*/ 132 w 693"/>
                <a:gd name="T11" fmla="*/ 0 h 8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93" h="838">
                  <a:moveTo>
                    <a:pt x="563" y="0"/>
                  </a:moveTo>
                  <a:lnTo>
                    <a:pt x="693" y="0"/>
                  </a:lnTo>
                  <a:lnTo>
                    <a:pt x="693" y="838"/>
                  </a:lnTo>
                  <a:lnTo>
                    <a:pt x="0" y="838"/>
                  </a:lnTo>
                  <a:lnTo>
                    <a:pt x="0" y="0"/>
                  </a:lnTo>
                  <a:lnTo>
                    <a:pt x="13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8" name="Freeform 33">
              <a:extLst>
                <a:ext uri="{FF2B5EF4-FFF2-40B4-BE49-F238E27FC236}">
                  <a16:creationId xmlns:a16="http://schemas.microsoft.com/office/drawing/2014/main" id="{1B0357C3-0B79-40F8-8625-1925F968A474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452"/>
              <a:ext cx="173" cy="171"/>
            </a:xfrm>
            <a:custGeom>
              <a:avLst/>
              <a:gdLst>
                <a:gd name="T0" fmla="*/ 173 w 173"/>
                <a:gd name="T1" fmla="*/ 171 h 171"/>
                <a:gd name="T2" fmla="*/ 0 w 173"/>
                <a:gd name="T3" fmla="*/ 171 h 171"/>
                <a:gd name="T4" fmla="*/ 0 w 173"/>
                <a:gd name="T5" fmla="*/ 0 h 171"/>
                <a:gd name="T6" fmla="*/ 72 w 173"/>
                <a:gd name="T7" fmla="*/ 0 h 1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1">
                  <a:moveTo>
                    <a:pt x="173" y="171"/>
                  </a:moveTo>
                  <a:lnTo>
                    <a:pt x="0" y="171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59" name="Freeform 34">
              <a:extLst>
                <a:ext uri="{FF2B5EF4-FFF2-40B4-BE49-F238E27FC236}">
                  <a16:creationId xmlns:a16="http://schemas.microsoft.com/office/drawing/2014/main" id="{CBD1765B-D6F4-42D1-8E15-47ED15457FB3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471"/>
              <a:ext cx="127" cy="81"/>
            </a:xfrm>
            <a:custGeom>
              <a:avLst/>
              <a:gdLst>
                <a:gd name="T0" fmla="*/ 0 w 127"/>
                <a:gd name="T1" fmla="*/ 38 h 81"/>
                <a:gd name="T2" fmla="*/ 43 w 127"/>
                <a:gd name="T3" fmla="*/ 81 h 81"/>
                <a:gd name="T4" fmla="*/ 127 w 127"/>
                <a:gd name="T5" fmla="*/ 0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1">
                  <a:moveTo>
                    <a:pt x="0" y="38"/>
                  </a:moveTo>
                  <a:lnTo>
                    <a:pt x="43" y="81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0" name="Line 35">
              <a:extLst>
                <a:ext uri="{FF2B5EF4-FFF2-40B4-BE49-F238E27FC236}">
                  <a16:creationId xmlns:a16="http://schemas.microsoft.com/office/drawing/2014/main" id="{8BD15E90-BE96-4BD5-A4F3-E13B710D1525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779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1" name="Line 36">
              <a:extLst>
                <a:ext uri="{FF2B5EF4-FFF2-40B4-BE49-F238E27FC236}">
                  <a16:creationId xmlns:a16="http://schemas.microsoft.com/office/drawing/2014/main" id="{1703B673-4E8E-4B07-BB6A-A66FB6F2F939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867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2" name="Freeform 37">
              <a:extLst>
                <a:ext uri="{FF2B5EF4-FFF2-40B4-BE49-F238E27FC236}">
                  <a16:creationId xmlns:a16="http://schemas.microsoft.com/office/drawing/2014/main" id="{F2C7E138-8EBB-49E2-9E85-74EEDD10FA01}"/>
                </a:ext>
              </a:extLst>
            </p:cNvPr>
            <p:cNvSpPr>
              <a:spLocks/>
            </p:cNvSpPr>
            <p:nvPr/>
          </p:nvSpPr>
          <p:spPr bwMode="gray">
            <a:xfrm>
              <a:off x="2664" y="1752"/>
              <a:ext cx="173" cy="172"/>
            </a:xfrm>
            <a:custGeom>
              <a:avLst/>
              <a:gdLst>
                <a:gd name="T0" fmla="*/ 173 w 173"/>
                <a:gd name="T1" fmla="*/ 172 h 172"/>
                <a:gd name="T2" fmla="*/ 0 w 173"/>
                <a:gd name="T3" fmla="*/ 172 h 172"/>
                <a:gd name="T4" fmla="*/ 0 w 173"/>
                <a:gd name="T5" fmla="*/ 0 h 172"/>
                <a:gd name="T6" fmla="*/ 72 w 173"/>
                <a:gd name="T7" fmla="*/ 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73" h="172">
                  <a:moveTo>
                    <a:pt x="173" y="172"/>
                  </a:moveTo>
                  <a:lnTo>
                    <a:pt x="0" y="172"/>
                  </a:lnTo>
                  <a:lnTo>
                    <a:pt x="0" y="0"/>
                  </a:lnTo>
                  <a:lnTo>
                    <a:pt x="72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3" name="Freeform 38">
              <a:extLst>
                <a:ext uri="{FF2B5EF4-FFF2-40B4-BE49-F238E27FC236}">
                  <a16:creationId xmlns:a16="http://schemas.microsoft.com/office/drawing/2014/main" id="{7EDAAF62-EFB6-4694-BE89-8F55A99B8EC7}"/>
                </a:ext>
              </a:extLst>
            </p:cNvPr>
            <p:cNvSpPr>
              <a:spLocks/>
            </p:cNvSpPr>
            <p:nvPr/>
          </p:nvSpPr>
          <p:spPr bwMode="gray">
            <a:xfrm>
              <a:off x="2741" y="1771"/>
              <a:ext cx="127" cy="82"/>
            </a:xfrm>
            <a:custGeom>
              <a:avLst/>
              <a:gdLst>
                <a:gd name="T0" fmla="*/ 0 w 127"/>
                <a:gd name="T1" fmla="*/ 39 h 82"/>
                <a:gd name="T2" fmla="*/ 43 w 127"/>
                <a:gd name="T3" fmla="*/ 82 h 82"/>
                <a:gd name="T4" fmla="*/ 127 w 127"/>
                <a:gd name="T5" fmla="*/ 0 h 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7" h="82">
                  <a:moveTo>
                    <a:pt x="0" y="39"/>
                  </a:moveTo>
                  <a:lnTo>
                    <a:pt x="43" y="82"/>
                  </a:lnTo>
                  <a:lnTo>
                    <a:pt x="127" y="0"/>
                  </a:lnTo>
                </a:path>
              </a:pathLst>
            </a:cu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4" name="Line 39">
              <a:extLst>
                <a:ext uri="{FF2B5EF4-FFF2-40B4-BE49-F238E27FC236}">
                  <a16:creationId xmlns:a16="http://schemas.microsoft.com/office/drawing/2014/main" id="{F92A5DBA-EC46-45C9-A50E-44355F31F2F1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471"/>
              <a:ext cx="21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  <p:sp>
          <p:nvSpPr>
            <p:cNvPr id="65" name="Line 40">
              <a:extLst>
                <a:ext uri="{FF2B5EF4-FFF2-40B4-BE49-F238E27FC236}">
                  <a16:creationId xmlns:a16="http://schemas.microsoft.com/office/drawing/2014/main" id="{413E9C72-7B21-4656-8EB1-4A1AE7AB01B2}"/>
                </a:ext>
              </a:extLst>
            </p:cNvPr>
            <p:cNvSpPr>
              <a:spLocks noChangeShapeType="1"/>
            </p:cNvSpPr>
            <p:nvPr/>
          </p:nvSpPr>
          <p:spPr bwMode="gray">
            <a:xfrm>
              <a:off x="2929" y="1559"/>
              <a:ext cx="132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>
                <a:latin typeface="adineue PRO Cond" panose="020B0503020201060004" pitchFamily="34" charset="0"/>
              </a:endParaRPr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B0B13AA-F4CC-4D96-9038-7A055AE0CBE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2C534C0-543A-4FB4-8285-BAB35C2FD72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9C0AC55-1C91-444C-A8D2-8BF14A0DDC3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6" name="Text Placeholder 15">
            <a:extLst>
              <a:ext uri="{FF2B5EF4-FFF2-40B4-BE49-F238E27FC236}">
                <a16:creationId xmlns:a16="http://schemas.microsoft.com/office/drawing/2014/main" id="{356941B1-4689-4FA0-A731-5905C9C8C9D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42026390"/>
      </p:ext>
    </p:extLst>
  </p:cSld>
  <p:clrMapOvr>
    <a:masterClrMapping/>
  </p:clrMapOvr>
  <p:transition>
    <p:fade/>
  </p:transition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1D421ABF-9DBC-439C-96FD-8A7965646C4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40" name="Text Placeholder 39"/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1" name="Text Placeholder 39"/>
          <p:cNvSpPr>
            <a:spLocks noGrp="1"/>
          </p:cNvSpPr>
          <p:nvPr>
            <p:ph type="body" sz="quarter" idx="14"/>
          </p:nvPr>
        </p:nvSpPr>
        <p:spPr bwMode="gray">
          <a:xfrm>
            <a:off x="2879527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2" name="Text Placeholder 39"/>
          <p:cNvSpPr>
            <a:spLocks noGrp="1"/>
          </p:cNvSpPr>
          <p:nvPr>
            <p:ph type="body" sz="quarter" idx="15"/>
          </p:nvPr>
        </p:nvSpPr>
        <p:spPr bwMode="gray">
          <a:xfrm>
            <a:off x="5471815" y="1728787"/>
            <a:ext cx="2305049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97B8C8F-512D-4840-86BB-CEB9544D8CE5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916C68-A2A4-48E3-BB80-81E28EE44E1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66" name="Picture Placeholder 4">
            <a:extLst>
              <a:ext uri="{FF2B5EF4-FFF2-40B4-BE49-F238E27FC236}">
                <a16:creationId xmlns:a16="http://schemas.microsoft.com/office/drawing/2014/main" id="{D63D4149-57CC-40E3-9AF5-D3C951581FEE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879527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67" name="Picture Placeholder 4">
            <a:extLst>
              <a:ext uri="{FF2B5EF4-FFF2-40B4-BE49-F238E27FC236}">
                <a16:creationId xmlns:a16="http://schemas.microsoft.com/office/drawing/2014/main" id="{3B15767F-EF66-47BE-BCCD-22BC083AD75F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5471815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08FFBE-3AC3-4382-BECA-F45DA01077D5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F3EA3F75-2C19-44AA-82C6-28435DDBC31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DB4B2AB-25E4-48BB-ABB3-39CA18B52D13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4430A869-6552-45B7-8F44-F1B4A8EEBD5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77875489"/>
      </p:ext>
    </p:extLst>
  </p:cSld>
  <p:clrMapOvr>
    <a:masterClrMapping/>
  </p:clrMapOvr>
  <p:transition>
    <p:fade/>
  </p:transition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3427E25-488A-4F29-B13C-3D0DD2B81E92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97E4858-62D0-45EB-B7E7-B8026D00B50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3" name="Picture Placeholder 4">
            <a:extLst>
              <a:ext uri="{FF2B5EF4-FFF2-40B4-BE49-F238E27FC236}">
                <a16:creationId xmlns:a16="http://schemas.microsoft.com/office/drawing/2014/main" id="{D92FEA9E-110D-4C4F-B12A-F276F492698B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 bwMode="gray">
          <a:xfrm>
            <a:off x="287337" y="1079922"/>
            <a:ext cx="359941" cy="359942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4" name="Picture Placeholder 4">
            <a:extLst>
              <a:ext uri="{FF2B5EF4-FFF2-40B4-BE49-F238E27FC236}">
                <a16:creationId xmlns:a16="http://schemas.microsoft.com/office/drawing/2014/main" id="{A036B799-83AB-49B4-9EE6-D758207FD99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 bwMode="gray">
          <a:xfrm>
            <a:off x="244747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5" name="Picture Placeholder 4">
            <a:extLst>
              <a:ext uri="{FF2B5EF4-FFF2-40B4-BE49-F238E27FC236}">
                <a16:creationId xmlns:a16="http://schemas.microsoft.com/office/drawing/2014/main" id="{1686E482-9B5B-4201-99FF-F4101F99C2B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 bwMode="gray">
          <a:xfrm>
            <a:off x="460771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76" name="Text Placeholder 39">
            <a:extLst>
              <a:ext uri="{FF2B5EF4-FFF2-40B4-BE49-F238E27FC236}">
                <a16:creationId xmlns:a16="http://schemas.microsoft.com/office/drawing/2014/main" id="{4ACAC2B5-8751-4EE6-8EA4-4B2FB146D05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 bwMode="gray">
          <a:xfrm>
            <a:off x="28723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7" name="Text Placeholder 39">
            <a:extLst>
              <a:ext uri="{FF2B5EF4-FFF2-40B4-BE49-F238E27FC236}">
                <a16:creationId xmlns:a16="http://schemas.microsoft.com/office/drawing/2014/main" id="{346AFB4A-0574-4246-B1D2-FFF300049F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 bwMode="gray">
          <a:xfrm>
            <a:off x="244747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8" name="Text Placeholder 39">
            <a:extLst>
              <a:ext uri="{FF2B5EF4-FFF2-40B4-BE49-F238E27FC236}">
                <a16:creationId xmlns:a16="http://schemas.microsoft.com/office/drawing/2014/main" id="{F51609D4-BF06-4DCF-B9B2-89BF1F81DB7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 bwMode="gray">
          <a:xfrm>
            <a:off x="460771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9" name="Text Placeholder 39">
            <a:extLst>
              <a:ext uri="{FF2B5EF4-FFF2-40B4-BE49-F238E27FC236}">
                <a16:creationId xmlns:a16="http://schemas.microsoft.com/office/drawing/2014/main" id="{09722502-4883-48C9-9FCD-CBC9D8225A7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6767959" y="1728787"/>
            <a:ext cx="1872208" cy="2591821"/>
          </a:xfrm>
        </p:spPr>
        <p:txBody>
          <a:bodyPr/>
          <a:lstStyle>
            <a:lvl1pPr>
              <a:defRPr sz="1100"/>
            </a:lvl1pPr>
            <a:lvl2pPr>
              <a:defRPr sz="1100"/>
            </a:lvl2pPr>
            <a:lvl3pPr>
              <a:defRPr sz="1100"/>
            </a:lvl3pPr>
            <a:lvl4pPr>
              <a:defRPr sz="1100"/>
            </a:lvl4pPr>
            <a:lvl5pPr>
              <a:defRPr sz="11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80" name="Picture Placeholder 4">
            <a:extLst>
              <a:ext uri="{FF2B5EF4-FFF2-40B4-BE49-F238E27FC236}">
                <a16:creationId xmlns:a16="http://schemas.microsoft.com/office/drawing/2014/main" id="{FFA0D21F-72A7-4DAD-AE5F-01D7A5006C0B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 bwMode="gray">
          <a:xfrm>
            <a:off x="6767959" y="1079822"/>
            <a:ext cx="360040" cy="360041"/>
          </a:xfrm>
        </p:spPr>
        <p:txBody>
          <a:bodyPr anchor="ctr"/>
          <a:lstStyle>
            <a:lvl1pPr algn="ctr">
              <a:defRPr sz="800"/>
            </a:lvl1pPr>
          </a:lstStyle>
          <a:p>
            <a:r>
              <a:rPr lang="en-US" dirty="0"/>
              <a:t>Icon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4DA80B3-A149-4E9F-8067-64607E70393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9E958EE-D908-4737-BF5A-BFF583DB333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081F35-D211-418D-B741-7E6D18DBF5E2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39FD498-2750-44A2-AFAC-53E50BD3A9E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2652350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mpa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D37C4876-F1CB-49DA-8B69-1E8E832DDDE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7279423D-05BE-4471-BD21-CF8A186ADE7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CE607C86-A073-4B8A-9703-E7131EEB5579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tx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tx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78" name="Text Placeholder 77">
            <a:extLst>
              <a:ext uri="{FF2B5EF4-FFF2-40B4-BE49-F238E27FC236}">
                <a16:creationId xmlns:a16="http://schemas.microsoft.com/office/drawing/2014/main" id="{1100DE97-1C17-4DE5-AF51-6F3963ECEC2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gray">
          <a:xfrm>
            <a:off x="6767720" y="3732308"/>
            <a:ext cx="1295999" cy="301519"/>
          </a:xfrm>
          <a:custGeom>
            <a:avLst/>
            <a:gdLst>
              <a:gd name="connsiteX0" fmla="*/ 962020 w 1295999"/>
              <a:gd name="connsiteY0" fmla="*/ 123589 h 301519"/>
              <a:gd name="connsiteX1" fmla="*/ 899264 w 1295999"/>
              <a:gd name="connsiteY1" fmla="*/ 187067 h 301519"/>
              <a:gd name="connsiteX2" fmla="*/ 962020 w 1295999"/>
              <a:gd name="connsiteY2" fmla="*/ 250545 h 301519"/>
              <a:gd name="connsiteX3" fmla="*/ 1024776 w 1295999"/>
              <a:gd name="connsiteY3" fmla="*/ 187067 h 301519"/>
              <a:gd name="connsiteX4" fmla="*/ 962020 w 1295999"/>
              <a:gd name="connsiteY4" fmla="*/ 123589 h 301519"/>
              <a:gd name="connsiteX5" fmla="*/ 706668 w 1295999"/>
              <a:gd name="connsiteY5" fmla="*/ 123589 h 301519"/>
              <a:gd name="connsiteX6" fmla="*/ 644392 w 1295999"/>
              <a:gd name="connsiteY6" fmla="*/ 187067 h 301519"/>
              <a:gd name="connsiteX7" fmla="*/ 706668 w 1295999"/>
              <a:gd name="connsiteY7" fmla="*/ 250545 h 301519"/>
              <a:gd name="connsiteX8" fmla="*/ 768944 w 1295999"/>
              <a:gd name="connsiteY8" fmla="*/ 187067 h 301519"/>
              <a:gd name="connsiteX9" fmla="*/ 706668 w 1295999"/>
              <a:gd name="connsiteY9" fmla="*/ 123589 h 301519"/>
              <a:gd name="connsiteX10" fmla="*/ 370526 w 1295999"/>
              <a:gd name="connsiteY10" fmla="*/ 123589 h 301519"/>
              <a:gd name="connsiteX11" fmla="*/ 308250 w 1295999"/>
              <a:gd name="connsiteY11" fmla="*/ 187067 h 301519"/>
              <a:gd name="connsiteX12" fmla="*/ 370526 w 1295999"/>
              <a:gd name="connsiteY12" fmla="*/ 250545 h 301519"/>
              <a:gd name="connsiteX13" fmla="*/ 432802 w 1295999"/>
              <a:gd name="connsiteY13" fmla="*/ 187067 h 301519"/>
              <a:gd name="connsiteX14" fmla="*/ 370526 w 1295999"/>
              <a:gd name="connsiteY14" fmla="*/ 123589 h 301519"/>
              <a:gd name="connsiteX15" fmla="*/ 115172 w 1295999"/>
              <a:gd name="connsiteY15" fmla="*/ 123589 h 301519"/>
              <a:gd name="connsiteX16" fmla="*/ 52416 w 1295999"/>
              <a:gd name="connsiteY16" fmla="*/ 187067 h 301519"/>
              <a:gd name="connsiteX17" fmla="*/ 115172 w 1295999"/>
              <a:gd name="connsiteY17" fmla="*/ 250545 h 301519"/>
              <a:gd name="connsiteX18" fmla="*/ 177928 w 1295999"/>
              <a:gd name="connsiteY18" fmla="*/ 187067 h 301519"/>
              <a:gd name="connsiteX19" fmla="*/ 115172 w 1295999"/>
              <a:gd name="connsiteY19" fmla="*/ 123589 h 301519"/>
              <a:gd name="connsiteX20" fmla="*/ 514071 w 1295999"/>
              <a:gd name="connsiteY20" fmla="*/ 75019 h 301519"/>
              <a:gd name="connsiteX21" fmla="*/ 568893 w 1295999"/>
              <a:gd name="connsiteY21" fmla="*/ 75019 h 301519"/>
              <a:gd name="connsiteX22" fmla="*/ 568893 w 1295999"/>
              <a:gd name="connsiteY22" fmla="*/ 296710 h 301519"/>
              <a:gd name="connsiteX23" fmla="*/ 514071 w 1295999"/>
              <a:gd name="connsiteY23" fmla="*/ 296710 h 301519"/>
              <a:gd name="connsiteX24" fmla="*/ 1194227 w 1295999"/>
              <a:gd name="connsiteY24" fmla="*/ 72615 h 301519"/>
              <a:gd name="connsiteX25" fmla="*/ 1287995 w 1295999"/>
              <a:gd name="connsiteY25" fmla="*/ 145448 h 301519"/>
              <a:gd name="connsiteX26" fmla="*/ 1231963 w 1295999"/>
              <a:gd name="connsiteY26" fmla="*/ 145448 h 301519"/>
              <a:gd name="connsiteX27" fmla="*/ 1193083 w 1295999"/>
              <a:gd name="connsiteY27" fmla="*/ 114234 h 301519"/>
              <a:gd name="connsiteX28" fmla="*/ 1158778 w 1295999"/>
              <a:gd name="connsiteY28" fmla="*/ 136200 h 301519"/>
              <a:gd name="connsiteX29" fmla="*/ 1196514 w 1295999"/>
              <a:gd name="connsiteY29" fmla="*/ 158165 h 301519"/>
              <a:gd name="connsiteX30" fmla="*/ 1231963 w 1295999"/>
              <a:gd name="connsiteY30" fmla="*/ 165102 h 301519"/>
              <a:gd name="connsiteX31" fmla="*/ 1295999 w 1295999"/>
              <a:gd name="connsiteY31" fmla="*/ 228686 h 301519"/>
              <a:gd name="connsiteX32" fmla="*/ 1201088 w 1295999"/>
              <a:gd name="connsiteY32" fmla="*/ 301519 h 301519"/>
              <a:gd name="connsiteX33" fmla="*/ 1099315 w 1295999"/>
              <a:gd name="connsiteY33" fmla="*/ 225218 h 301519"/>
              <a:gd name="connsiteX34" fmla="*/ 1154204 w 1295999"/>
              <a:gd name="connsiteY34" fmla="*/ 225218 h 301519"/>
              <a:gd name="connsiteX35" fmla="*/ 1202231 w 1295999"/>
              <a:gd name="connsiteY35" fmla="*/ 259900 h 301519"/>
              <a:gd name="connsiteX36" fmla="*/ 1237680 w 1295999"/>
              <a:gd name="connsiteY36" fmla="*/ 237935 h 301519"/>
              <a:gd name="connsiteX37" fmla="*/ 1207949 w 1295999"/>
              <a:gd name="connsiteY37" fmla="*/ 215969 h 301519"/>
              <a:gd name="connsiteX38" fmla="*/ 1179361 w 1295999"/>
              <a:gd name="connsiteY38" fmla="*/ 210189 h 301519"/>
              <a:gd name="connsiteX39" fmla="*/ 1103889 w 1295999"/>
              <a:gd name="connsiteY39" fmla="*/ 145448 h 301519"/>
              <a:gd name="connsiteX40" fmla="*/ 1194227 w 1295999"/>
              <a:gd name="connsiteY40" fmla="*/ 72615 h 301519"/>
              <a:gd name="connsiteX41" fmla="*/ 959735 w 1295999"/>
              <a:gd name="connsiteY41" fmla="*/ 72615 h 301519"/>
              <a:gd name="connsiteX42" fmla="*/ 1023759 w 1295999"/>
              <a:gd name="connsiteY42" fmla="*/ 93425 h 301519"/>
              <a:gd name="connsiteX43" fmla="*/ 1023759 w 1295999"/>
              <a:gd name="connsiteY43" fmla="*/ 74927 h 301519"/>
              <a:gd name="connsiteX44" fmla="*/ 1078637 w 1295999"/>
              <a:gd name="connsiteY44" fmla="*/ 74927 h 301519"/>
              <a:gd name="connsiteX45" fmla="*/ 1078637 w 1295999"/>
              <a:gd name="connsiteY45" fmla="*/ 296895 h 301519"/>
              <a:gd name="connsiteX46" fmla="*/ 1023759 w 1295999"/>
              <a:gd name="connsiteY46" fmla="*/ 296895 h 301519"/>
              <a:gd name="connsiteX47" fmla="*/ 1023759 w 1295999"/>
              <a:gd name="connsiteY47" fmla="*/ 281866 h 301519"/>
              <a:gd name="connsiteX48" fmla="*/ 959735 w 1295999"/>
              <a:gd name="connsiteY48" fmla="*/ 301519 h 301519"/>
              <a:gd name="connsiteX49" fmla="*/ 845405 w 1295999"/>
              <a:gd name="connsiteY49" fmla="*/ 187067 h 301519"/>
              <a:gd name="connsiteX50" fmla="*/ 959735 w 1295999"/>
              <a:gd name="connsiteY50" fmla="*/ 72615 h 301519"/>
              <a:gd name="connsiteX51" fmla="*/ 113040 w 1295999"/>
              <a:gd name="connsiteY51" fmla="*/ 72615 h 301519"/>
              <a:gd name="connsiteX52" fmla="*/ 178124 w 1295999"/>
              <a:gd name="connsiteY52" fmla="*/ 93425 h 301519"/>
              <a:gd name="connsiteX53" fmla="*/ 178124 w 1295999"/>
              <a:gd name="connsiteY53" fmla="*/ 74927 h 301519"/>
              <a:gd name="connsiteX54" fmla="*/ 231789 w 1295999"/>
              <a:gd name="connsiteY54" fmla="*/ 74927 h 301519"/>
              <a:gd name="connsiteX55" fmla="*/ 231789 w 1295999"/>
              <a:gd name="connsiteY55" fmla="*/ 296895 h 301519"/>
              <a:gd name="connsiteX56" fmla="*/ 178124 w 1295999"/>
              <a:gd name="connsiteY56" fmla="*/ 296895 h 301519"/>
              <a:gd name="connsiteX57" fmla="*/ 178124 w 1295999"/>
              <a:gd name="connsiteY57" fmla="*/ 281866 h 301519"/>
              <a:gd name="connsiteX58" fmla="*/ 113040 w 1295999"/>
              <a:gd name="connsiteY58" fmla="*/ 301519 h 301519"/>
              <a:gd name="connsiteX59" fmla="*/ 0 w 1295999"/>
              <a:gd name="connsiteY59" fmla="*/ 187067 h 301519"/>
              <a:gd name="connsiteX60" fmla="*/ 113040 w 1295999"/>
              <a:gd name="connsiteY60" fmla="*/ 72615 h 301519"/>
              <a:gd name="connsiteX61" fmla="*/ 768887 w 1295999"/>
              <a:gd name="connsiteY61" fmla="*/ 0 h 301519"/>
              <a:gd name="connsiteX62" fmla="*/ 823765 w 1295999"/>
              <a:gd name="connsiteY62" fmla="*/ 0 h 301519"/>
              <a:gd name="connsiteX63" fmla="*/ 823765 w 1295999"/>
              <a:gd name="connsiteY63" fmla="*/ 296898 h 301519"/>
              <a:gd name="connsiteX64" fmla="*/ 768887 w 1295999"/>
              <a:gd name="connsiteY64" fmla="*/ 296898 h 301519"/>
              <a:gd name="connsiteX65" fmla="*/ 768887 w 1295999"/>
              <a:gd name="connsiteY65" fmla="*/ 281880 h 301519"/>
              <a:gd name="connsiteX66" fmla="*/ 703719 w 1295999"/>
              <a:gd name="connsiteY66" fmla="*/ 301519 h 301519"/>
              <a:gd name="connsiteX67" fmla="*/ 590533 w 1295999"/>
              <a:gd name="connsiteY67" fmla="*/ 187150 h 301519"/>
              <a:gd name="connsiteX68" fmla="*/ 703719 w 1295999"/>
              <a:gd name="connsiteY68" fmla="*/ 72781 h 301519"/>
              <a:gd name="connsiteX69" fmla="*/ 768887 w 1295999"/>
              <a:gd name="connsiteY69" fmla="*/ 93575 h 301519"/>
              <a:gd name="connsiteX70" fmla="*/ 768887 w 1295999"/>
              <a:gd name="connsiteY70" fmla="*/ 0 h 301519"/>
              <a:gd name="connsiteX71" fmla="*/ 514071 w 1295999"/>
              <a:gd name="connsiteY71" fmla="*/ 0 h 301519"/>
              <a:gd name="connsiteX72" fmla="*/ 568893 w 1295999"/>
              <a:gd name="connsiteY72" fmla="*/ 0 h 301519"/>
              <a:gd name="connsiteX73" fmla="*/ 568893 w 1295999"/>
              <a:gd name="connsiteY73" fmla="*/ 55303 h 301519"/>
              <a:gd name="connsiteX74" fmla="*/ 514071 w 1295999"/>
              <a:gd name="connsiteY74" fmla="*/ 55303 h 301519"/>
              <a:gd name="connsiteX75" fmla="*/ 432857 w 1295999"/>
              <a:gd name="connsiteY75" fmla="*/ 0 h 301519"/>
              <a:gd name="connsiteX76" fmla="*/ 487622 w 1295999"/>
              <a:gd name="connsiteY76" fmla="*/ 0 h 301519"/>
              <a:gd name="connsiteX77" fmla="*/ 487622 w 1295999"/>
              <a:gd name="connsiteY77" fmla="*/ 296898 h 301519"/>
              <a:gd name="connsiteX78" fmla="*/ 432857 w 1295999"/>
              <a:gd name="connsiteY78" fmla="*/ 296898 h 301519"/>
              <a:gd name="connsiteX79" fmla="*/ 432857 w 1295999"/>
              <a:gd name="connsiteY79" fmla="*/ 281880 h 301519"/>
              <a:gd name="connsiteX80" fmla="*/ 367824 w 1295999"/>
              <a:gd name="connsiteY80" fmla="*/ 301519 h 301519"/>
              <a:gd name="connsiteX81" fmla="*/ 254871 w 1295999"/>
              <a:gd name="connsiteY81" fmla="*/ 187150 h 301519"/>
              <a:gd name="connsiteX82" fmla="*/ 367824 w 1295999"/>
              <a:gd name="connsiteY82" fmla="*/ 72781 h 301519"/>
              <a:gd name="connsiteX83" fmla="*/ 432857 w 1295999"/>
              <a:gd name="connsiteY83" fmla="*/ 93575 h 301519"/>
              <a:gd name="connsiteX84" fmla="*/ 432857 w 1295999"/>
              <a:gd name="connsiteY84" fmla="*/ 0 h 3015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</a:cxnLst>
            <a:rect l="l" t="t" r="r" b="b"/>
            <a:pathLst>
              <a:path w="1295999" h="301519">
                <a:moveTo>
                  <a:pt x="962020" y="123589"/>
                </a:moveTo>
                <a:cubicBezTo>
                  <a:pt x="927361" y="123589"/>
                  <a:pt x="899264" y="152009"/>
                  <a:pt x="899264" y="187067"/>
                </a:cubicBezTo>
                <a:cubicBezTo>
                  <a:pt x="899264" y="222125"/>
                  <a:pt x="927361" y="250545"/>
                  <a:pt x="962020" y="250545"/>
                </a:cubicBezTo>
                <a:cubicBezTo>
                  <a:pt x="996679" y="250545"/>
                  <a:pt x="1024776" y="222125"/>
                  <a:pt x="1024776" y="187067"/>
                </a:cubicBezTo>
                <a:cubicBezTo>
                  <a:pt x="1024776" y="152009"/>
                  <a:pt x="996679" y="123589"/>
                  <a:pt x="962020" y="123589"/>
                </a:cubicBezTo>
                <a:close/>
                <a:moveTo>
                  <a:pt x="706668" y="123589"/>
                </a:moveTo>
                <a:cubicBezTo>
                  <a:pt x="672274" y="123589"/>
                  <a:pt x="644392" y="152009"/>
                  <a:pt x="644392" y="187067"/>
                </a:cubicBezTo>
                <a:cubicBezTo>
                  <a:pt x="644392" y="222125"/>
                  <a:pt x="672274" y="250545"/>
                  <a:pt x="706668" y="250545"/>
                </a:cubicBezTo>
                <a:cubicBezTo>
                  <a:pt x="741062" y="250545"/>
                  <a:pt x="768944" y="222125"/>
                  <a:pt x="768944" y="187067"/>
                </a:cubicBezTo>
                <a:cubicBezTo>
                  <a:pt x="768944" y="152009"/>
                  <a:pt x="741062" y="123589"/>
                  <a:pt x="706668" y="123589"/>
                </a:cubicBezTo>
                <a:close/>
                <a:moveTo>
                  <a:pt x="370526" y="123589"/>
                </a:moveTo>
                <a:cubicBezTo>
                  <a:pt x="336132" y="123589"/>
                  <a:pt x="308250" y="152009"/>
                  <a:pt x="308250" y="187067"/>
                </a:cubicBezTo>
                <a:cubicBezTo>
                  <a:pt x="308250" y="222125"/>
                  <a:pt x="336132" y="250545"/>
                  <a:pt x="370526" y="250545"/>
                </a:cubicBezTo>
                <a:cubicBezTo>
                  <a:pt x="404920" y="250545"/>
                  <a:pt x="432802" y="222125"/>
                  <a:pt x="432802" y="187067"/>
                </a:cubicBezTo>
                <a:cubicBezTo>
                  <a:pt x="432802" y="152009"/>
                  <a:pt x="404920" y="123589"/>
                  <a:pt x="370526" y="123589"/>
                </a:cubicBezTo>
                <a:close/>
                <a:moveTo>
                  <a:pt x="115172" y="123589"/>
                </a:moveTo>
                <a:cubicBezTo>
                  <a:pt x="80513" y="123589"/>
                  <a:pt x="52416" y="152009"/>
                  <a:pt x="52416" y="187067"/>
                </a:cubicBezTo>
                <a:cubicBezTo>
                  <a:pt x="52416" y="222125"/>
                  <a:pt x="80513" y="250545"/>
                  <a:pt x="115172" y="250545"/>
                </a:cubicBezTo>
                <a:cubicBezTo>
                  <a:pt x="149831" y="250545"/>
                  <a:pt x="177928" y="222125"/>
                  <a:pt x="177928" y="187067"/>
                </a:cubicBezTo>
                <a:cubicBezTo>
                  <a:pt x="177928" y="152009"/>
                  <a:pt x="149831" y="123589"/>
                  <a:pt x="115172" y="123589"/>
                </a:cubicBezTo>
                <a:close/>
                <a:moveTo>
                  <a:pt x="514071" y="75019"/>
                </a:moveTo>
                <a:lnTo>
                  <a:pt x="568893" y="75019"/>
                </a:lnTo>
                <a:lnTo>
                  <a:pt x="568893" y="296710"/>
                </a:lnTo>
                <a:lnTo>
                  <a:pt x="514071" y="296710"/>
                </a:lnTo>
                <a:close/>
                <a:moveTo>
                  <a:pt x="1194227" y="72615"/>
                </a:moveTo>
                <a:cubicBezTo>
                  <a:pt x="1250259" y="72615"/>
                  <a:pt x="1284564" y="101517"/>
                  <a:pt x="1287995" y="145448"/>
                </a:cubicBezTo>
                <a:cubicBezTo>
                  <a:pt x="1287995" y="145448"/>
                  <a:pt x="1287995" y="145448"/>
                  <a:pt x="1231963" y="145448"/>
                </a:cubicBezTo>
                <a:cubicBezTo>
                  <a:pt x="1231963" y="128107"/>
                  <a:pt x="1220527" y="114234"/>
                  <a:pt x="1193083" y="114234"/>
                </a:cubicBezTo>
                <a:cubicBezTo>
                  <a:pt x="1173644" y="114234"/>
                  <a:pt x="1158778" y="121171"/>
                  <a:pt x="1158778" y="136200"/>
                </a:cubicBezTo>
                <a:cubicBezTo>
                  <a:pt x="1158778" y="148916"/>
                  <a:pt x="1174787" y="153541"/>
                  <a:pt x="1196514" y="158165"/>
                </a:cubicBezTo>
                <a:cubicBezTo>
                  <a:pt x="1196514" y="158165"/>
                  <a:pt x="1196514" y="158165"/>
                  <a:pt x="1231963" y="165102"/>
                </a:cubicBezTo>
                <a:cubicBezTo>
                  <a:pt x="1276560" y="173194"/>
                  <a:pt x="1295999" y="194004"/>
                  <a:pt x="1295999" y="228686"/>
                </a:cubicBezTo>
                <a:cubicBezTo>
                  <a:pt x="1295999" y="278398"/>
                  <a:pt x="1253689" y="301519"/>
                  <a:pt x="1201088" y="301519"/>
                </a:cubicBezTo>
                <a:cubicBezTo>
                  <a:pt x="1138195" y="301519"/>
                  <a:pt x="1100459" y="270305"/>
                  <a:pt x="1099315" y="225218"/>
                </a:cubicBezTo>
                <a:cubicBezTo>
                  <a:pt x="1099315" y="225218"/>
                  <a:pt x="1099315" y="225218"/>
                  <a:pt x="1154204" y="225218"/>
                </a:cubicBezTo>
                <a:cubicBezTo>
                  <a:pt x="1155347" y="241403"/>
                  <a:pt x="1166782" y="259900"/>
                  <a:pt x="1202231" y="259900"/>
                </a:cubicBezTo>
                <a:cubicBezTo>
                  <a:pt x="1227389" y="259900"/>
                  <a:pt x="1237680" y="248339"/>
                  <a:pt x="1237680" y="237935"/>
                </a:cubicBezTo>
                <a:cubicBezTo>
                  <a:pt x="1237680" y="226374"/>
                  <a:pt x="1228532" y="219437"/>
                  <a:pt x="1207949" y="215969"/>
                </a:cubicBezTo>
                <a:cubicBezTo>
                  <a:pt x="1207949" y="215969"/>
                  <a:pt x="1207949" y="215969"/>
                  <a:pt x="1179361" y="210189"/>
                </a:cubicBezTo>
                <a:cubicBezTo>
                  <a:pt x="1143912" y="204408"/>
                  <a:pt x="1103889" y="196316"/>
                  <a:pt x="1103889" y="145448"/>
                </a:cubicBezTo>
                <a:cubicBezTo>
                  <a:pt x="1103889" y="103829"/>
                  <a:pt x="1137051" y="72615"/>
                  <a:pt x="1194227" y="72615"/>
                </a:cubicBezTo>
                <a:close/>
                <a:moveTo>
                  <a:pt x="959735" y="72615"/>
                </a:moveTo>
                <a:cubicBezTo>
                  <a:pt x="983744" y="72615"/>
                  <a:pt x="1005466" y="79552"/>
                  <a:pt x="1023759" y="93425"/>
                </a:cubicBezTo>
                <a:cubicBezTo>
                  <a:pt x="1023759" y="93425"/>
                  <a:pt x="1023759" y="93425"/>
                  <a:pt x="1023759" y="74927"/>
                </a:cubicBezTo>
                <a:cubicBezTo>
                  <a:pt x="1023759" y="74927"/>
                  <a:pt x="1023759" y="74927"/>
                  <a:pt x="1078637" y="74927"/>
                </a:cubicBezTo>
                <a:cubicBezTo>
                  <a:pt x="1078637" y="74927"/>
                  <a:pt x="1078637" y="74927"/>
                  <a:pt x="1078637" y="296895"/>
                </a:cubicBezTo>
                <a:cubicBezTo>
                  <a:pt x="1078637" y="296895"/>
                  <a:pt x="1078637" y="296895"/>
                  <a:pt x="1023759" y="296895"/>
                </a:cubicBezTo>
                <a:cubicBezTo>
                  <a:pt x="1023759" y="296895"/>
                  <a:pt x="1023759" y="296895"/>
                  <a:pt x="1023759" y="281866"/>
                </a:cubicBezTo>
                <a:cubicBezTo>
                  <a:pt x="1005466" y="294583"/>
                  <a:pt x="983744" y="301519"/>
                  <a:pt x="959735" y="301519"/>
                </a:cubicBezTo>
                <a:cubicBezTo>
                  <a:pt x="896853" y="301519"/>
                  <a:pt x="845405" y="250652"/>
                  <a:pt x="845405" y="187067"/>
                </a:cubicBezTo>
                <a:cubicBezTo>
                  <a:pt x="845405" y="123483"/>
                  <a:pt x="896853" y="72615"/>
                  <a:pt x="959735" y="72615"/>
                </a:cubicBezTo>
                <a:close/>
                <a:moveTo>
                  <a:pt x="113040" y="72615"/>
                </a:moveTo>
                <a:cubicBezTo>
                  <a:pt x="137018" y="72615"/>
                  <a:pt x="159855" y="79552"/>
                  <a:pt x="178124" y="93425"/>
                </a:cubicBezTo>
                <a:cubicBezTo>
                  <a:pt x="178124" y="93425"/>
                  <a:pt x="178124" y="93425"/>
                  <a:pt x="178124" y="74927"/>
                </a:cubicBezTo>
                <a:cubicBezTo>
                  <a:pt x="178124" y="74927"/>
                  <a:pt x="178124" y="74927"/>
                  <a:pt x="231789" y="74927"/>
                </a:cubicBezTo>
                <a:cubicBezTo>
                  <a:pt x="231789" y="74927"/>
                  <a:pt x="231789" y="74927"/>
                  <a:pt x="231789" y="296895"/>
                </a:cubicBezTo>
                <a:cubicBezTo>
                  <a:pt x="231789" y="296895"/>
                  <a:pt x="231789" y="296895"/>
                  <a:pt x="178124" y="296895"/>
                </a:cubicBezTo>
                <a:cubicBezTo>
                  <a:pt x="178124" y="296895"/>
                  <a:pt x="178124" y="296895"/>
                  <a:pt x="178124" y="281866"/>
                </a:cubicBezTo>
                <a:cubicBezTo>
                  <a:pt x="159855" y="294583"/>
                  <a:pt x="137018" y="301519"/>
                  <a:pt x="113040" y="301519"/>
                </a:cubicBezTo>
                <a:cubicBezTo>
                  <a:pt x="50240" y="301519"/>
                  <a:pt x="0" y="250652"/>
                  <a:pt x="0" y="187067"/>
                </a:cubicBezTo>
                <a:cubicBezTo>
                  <a:pt x="0" y="123483"/>
                  <a:pt x="50240" y="72615"/>
                  <a:pt x="113040" y="72615"/>
                </a:cubicBezTo>
                <a:close/>
                <a:moveTo>
                  <a:pt x="768887" y="0"/>
                </a:moveTo>
                <a:cubicBezTo>
                  <a:pt x="768887" y="0"/>
                  <a:pt x="768887" y="0"/>
                  <a:pt x="823765" y="0"/>
                </a:cubicBezTo>
                <a:cubicBezTo>
                  <a:pt x="823765" y="0"/>
                  <a:pt x="823765" y="0"/>
                  <a:pt x="823765" y="296898"/>
                </a:cubicBezTo>
                <a:cubicBezTo>
                  <a:pt x="823765" y="296898"/>
                  <a:pt x="823765" y="296898"/>
                  <a:pt x="768887" y="296898"/>
                </a:cubicBezTo>
                <a:cubicBezTo>
                  <a:pt x="768887" y="296898"/>
                  <a:pt x="768887" y="296898"/>
                  <a:pt x="768887" y="281880"/>
                </a:cubicBezTo>
                <a:cubicBezTo>
                  <a:pt x="750594" y="294588"/>
                  <a:pt x="727729" y="301519"/>
                  <a:pt x="703719" y="301519"/>
                </a:cubicBezTo>
                <a:cubicBezTo>
                  <a:pt x="641981" y="301519"/>
                  <a:pt x="590533" y="250688"/>
                  <a:pt x="590533" y="187150"/>
                </a:cubicBezTo>
                <a:cubicBezTo>
                  <a:pt x="590533" y="123611"/>
                  <a:pt x="641981" y="72781"/>
                  <a:pt x="703719" y="72781"/>
                </a:cubicBezTo>
                <a:cubicBezTo>
                  <a:pt x="727729" y="72781"/>
                  <a:pt x="750594" y="79712"/>
                  <a:pt x="768887" y="93575"/>
                </a:cubicBezTo>
                <a:cubicBezTo>
                  <a:pt x="768887" y="93575"/>
                  <a:pt x="768887" y="93575"/>
                  <a:pt x="768887" y="0"/>
                </a:cubicBezTo>
                <a:close/>
                <a:moveTo>
                  <a:pt x="514071" y="0"/>
                </a:moveTo>
                <a:lnTo>
                  <a:pt x="568893" y="0"/>
                </a:lnTo>
                <a:lnTo>
                  <a:pt x="568893" y="55303"/>
                </a:lnTo>
                <a:lnTo>
                  <a:pt x="514071" y="55303"/>
                </a:lnTo>
                <a:close/>
                <a:moveTo>
                  <a:pt x="432857" y="0"/>
                </a:moveTo>
                <a:cubicBezTo>
                  <a:pt x="432857" y="0"/>
                  <a:pt x="432857" y="0"/>
                  <a:pt x="487622" y="0"/>
                </a:cubicBezTo>
                <a:cubicBezTo>
                  <a:pt x="487622" y="0"/>
                  <a:pt x="487622" y="0"/>
                  <a:pt x="487622" y="296898"/>
                </a:cubicBezTo>
                <a:cubicBezTo>
                  <a:pt x="487622" y="296898"/>
                  <a:pt x="487622" y="296898"/>
                  <a:pt x="432857" y="296898"/>
                </a:cubicBezTo>
                <a:cubicBezTo>
                  <a:pt x="432857" y="296898"/>
                  <a:pt x="432857" y="296898"/>
                  <a:pt x="432857" y="281880"/>
                </a:cubicBezTo>
                <a:cubicBezTo>
                  <a:pt x="414602" y="294588"/>
                  <a:pt x="391784" y="301519"/>
                  <a:pt x="367824" y="301519"/>
                </a:cubicBezTo>
                <a:cubicBezTo>
                  <a:pt x="305072" y="301519"/>
                  <a:pt x="254871" y="250688"/>
                  <a:pt x="254871" y="187150"/>
                </a:cubicBezTo>
                <a:cubicBezTo>
                  <a:pt x="254871" y="123611"/>
                  <a:pt x="305072" y="72781"/>
                  <a:pt x="367824" y="72781"/>
                </a:cubicBezTo>
                <a:cubicBezTo>
                  <a:pt x="391784" y="72781"/>
                  <a:pt x="414602" y="79712"/>
                  <a:pt x="432857" y="93575"/>
                </a:cubicBezTo>
                <a:cubicBezTo>
                  <a:pt x="432857" y="93575"/>
                  <a:pt x="432857" y="93575"/>
                  <a:pt x="432857" y="0"/>
                </a:cubicBezTo>
                <a:close/>
              </a:path>
            </a:pathLst>
          </a:custGeom>
          <a:solidFill>
            <a:schemeClr val="tx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340496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adge of Spo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C5232D5-2341-4EA3-9A49-EFA4B2DA64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C1E0360F-7E9C-4772-A307-A0B67E3B4437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3263AB9C-3C65-442C-B186-7803FA958432}"/>
              </a:ext>
            </a:extLst>
          </p:cNvPr>
          <p:cNvSpPr>
            <a:spLocks noGrp="1" noChangeAspect="1"/>
          </p:cNvSpPr>
          <p:nvPr>
            <p:ph type="body" sz="quarter" idx="16" hasCustomPrompt="1"/>
          </p:nvPr>
        </p:nvSpPr>
        <p:spPr bwMode="gray">
          <a:xfrm>
            <a:off x="6768048" y="3161463"/>
            <a:ext cx="1296055" cy="871084"/>
          </a:xfrm>
          <a:custGeom>
            <a:avLst/>
            <a:gdLst>
              <a:gd name="connsiteX0" fmla="*/ 962421 w 1296055"/>
              <a:gd name="connsiteY0" fmla="*/ 695176 h 871084"/>
              <a:gd name="connsiteX1" fmla="*/ 900261 w 1296055"/>
              <a:gd name="connsiteY1" fmla="*/ 757970 h 871084"/>
              <a:gd name="connsiteX2" fmla="*/ 962421 w 1296055"/>
              <a:gd name="connsiteY2" fmla="*/ 820764 h 871084"/>
              <a:gd name="connsiteX3" fmla="*/ 1024581 w 1296055"/>
              <a:gd name="connsiteY3" fmla="*/ 757970 h 871084"/>
              <a:gd name="connsiteX4" fmla="*/ 962421 w 1296055"/>
              <a:gd name="connsiteY4" fmla="*/ 695176 h 871084"/>
              <a:gd name="connsiteX5" fmla="*/ 707228 w 1296055"/>
              <a:gd name="connsiteY5" fmla="*/ 695176 h 871084"/>
              <a:gd name="connsiteX6" fmla="*/ 644856 w 1296055"/>
              <a:gd name="connsiteY6" fmla="*/ 757970 h 871084"/>
              <a:gd name="connsiteX7" fmla="*/ 707228 w 1296055"/>
              <a:gd name="connsiteY7" fmla="*/ 820764 h 871084"/>
              <a:gd name="connsiteX8" fmla="*/ 769600 w 1296055"/>
              <a:gd name="connsiteY8" fmla="*/ 757970 h 871084"/>
              <a:gd name="connsiteX9" fmla="*/ 707228 w 1296055"/>
              <a:gd name="connsiteY9" fmla="*/ 695176 h 871084"/>
              <a:gd name="connsiteX10" fmla="*/ 371056 w 1296055"/>
              <a:gd name="connsiteY10" fmla="*/ 695176 h 871084"/>
              <a:gd name="connsiteX11" fmla="*/ 308262 w 1296055"/>
              <a:gd name="connsiteY11" fmla="*/ 757970 h 871084"/>
              <a:gd name="connsiteX12" fmla="*/ 371056 w 1296055"/>
              <a:gd name="connsiteY12" fmla="*/ 820764 h 871084"/>
              <a:gd name="connsiteX13" fmla="*/ 433850 w 1296055"/>
              <a:gd name="connsiteY13" fmla="*/ 757970 h 871084"/>
              <a:gd name="connsiteX14" fmla="*/ 371056 w 1296055"/>
              <a:gd name="connsiteY14" fmla="*/ 695176 h 871084"/>
              <a:gd name="connsiteX15" fmla="*/ 116074 w 1296055"/>
              <a:gd name="connsiteY15" fmla="*/ 695176 h 871084"/>
              <a:gd name="connsiteX16" fmla="*/ 53280 w 1296055"/>
              <a:gd name="connsiteY16" fmla="*/ 757970 h 871084"/>
              <a:gd name="connsiteX17" fmla="*/ 116074 w 1296055"/>
              <a:gd name="connsiteY17" fmla="*/ 820764 h 871084"/>
              <a:gd name="connsiteX18" fmla="*/ 178868 w 1296055"/>
              <a:gd name="connsiteY18" fmla="*/ 757970 h 871084"/>
              <a:gd name="connsiteX19" fmla="*/ 116074 w 1296055"/>
              <a:gd name="connsiteY19" fmla="*/ 695176 h 871084"/>
              <a:gd name="connsiteX20" fmla="*/ 514616 w 1296055"/>
              <a:gd name="connsiteY20" fmla="*/ 646970 h 871084"/>
              <a:gd name="connsiteX21" fmla="*/ 568742 w 1296055"/>
              <a:gd name="connsiteY21" fmla="*/ 646970 h 871084"/>
              <a:gd name="connsiteX22" fmla="*/ 568742 w 1296055"/>
              <a:gd name="connsiteY22" fmla="*/ 867278 h 871084"/>
              <a:gd name="connsiteX23" fmla="*/ 514616 w 1296055"/>
              <a:gd name="connsiteY23" fmla="*/ 867278 h 871084"/>
              <a:gd name="connsiteX24" fmla="*/ 1195519 w 1296055"/>
              <a:gd name="connsiteY24" fmla="*/ 644856 h 871084"/>
              <a:gd name="connsiteX25" fmla="*/ 1288012 w 1296055"/>
              <a:gd name="connsiteY25" fmla="*/ 716244 h 871084"/>
              <a:gd name="connsiteX26" fmla="*/ 1232717 w 1296055"/>
              <a:gd name="connsiteY26" fmla="*/ 716244 h 871084"/>
              <a:gd name="connsiteX27" fmla="*/ 1193508 w 1296055"/>
              <a:gd name="connsiteY27" fmla="*/ 686080 h 871084"/>
              <a:gd name="connsiteX28" fmla="*/ 1159326 w 1296055"/>
              <a:gd name="connsiteY28" fmla="*/ 707195 h 871084"/>
              <a:gd name="connsiteX29" fmla="*/ 1197530 w 1296055"/>
              <a:gd name="connsiteY29" fmla="*/ 729315 h 871084"/>
              <a:gd name="connsiteX30" fmla="*/ 1232717 w 1296055"/>
              <a:gd name="connsiteY30" fmla="*/ 736353 h 871084"/>
              <a:gd name="connsiteX31" fmla="*/ 1296055 w 1296055"/>
              <a:gd name="connsiteY31" fmla="*/ 798691 h 871084"/>
              <a:gd name="connsiteX32" fmla="*/ 1202557 w 1296055"/>
              <a:gd name="connsiteY32" fmla="*/ 871084 h 871084"/>
              <a:gd name="connsiteX33" fmla="*/ 1099004 w 1296055"/>
              <a:gd name="connsiteY33" fmla="*/ 795675 h 871084"/>
              <a:gd name="connsiteX34" fmla="*/ 1155305 w 1296055"/>
              <a:gd name="connsiteY34" fmla="*/ 795675 h 871084"/>
              <a:gd name="connsiteX35" fmla="*/ 1203562 w 1296055"/>
              <a:gd name="connsiteY35" fmla="*/ 829860 h 871084"/>
              <a:gd name="connsiteX36" fmla="*/ 1237744 w 1296055"/>
              <a:gd name="connsiteY36" fmla="*/ 807740 h 871084"/>
              <a:gd name="connsiteX37" fmla="*/ 1208589 w 1296055"/>
              <a:gd name="connsiteY37" fmla="*/ 786626 h 871084"/>
              <a:gd name="connsiteX38" fmla="*/ 1179433 w 1296055"/>
              <a:gd name="connsiteY38" fmla="*/ 781598 h 871084"/>
              <a:gd name="connsiteX39" fmla="*/ 1104031 w 1296055"/>
              <a:gd name="connsiteY39" fmla="*/ 716244 h 871084"/>
              <a:gd name="connsiteX40" fmla="*/ 1195519 w 1296055"/>
              <a:gd name="connsiteY40" fmla="*/ 644856 h 871084"/>
              <a:gd name="connsiteX41" fmla="*/ 959538 w 1296055"/>
              <a:gd name="connsiteY41" fmla="*/ 644856 h 871084"/>
              <a:gd name="connsiteX42" fmla="*/ 1024861 w 1296055"/>
              <a:gd name="connsiteY42" fmla="*/ 664965 h 871084"/>
              <a:gd name="connsiteX43" fmla="*/ 1024861 w 1296055"/>
              <a:gd name="connsiteY43" fmla="*/ 646867 h 871084"/>
              <a:gd name="connsiteX44" fmla="*/ 1079129 w 1296055"/>
              <a:gd name="connsiteY44" fmla="*/ 646867 h 871084"/>
              <a:gd name="connsiteX45" fmla="*/ 1079129 w 1296055"/>
              <a:gd name="connsiteY45" fmla="*/ 867062 h 871084"/>
              <a:gd name="connsiteX46" fmla="*/ 1024861 w 1296055"/>
              <a:gd name="connsiteY46" fmla="*/ 867062 h 871084"/>
              <a:gd name="connsiteX47" fmla="*/ 1024861 w 1296055"/>
              <a:gd name="connsiteY47" fmla="*/ 850975 h 871084"/>
              <a:gd name="connsiteX48" fmla="*/ 959538 w 1296055"/>
              <a:gd name="connsiteY48" fmla="*/ 871084 h 871084"/>
              <a:gd name="connsiteX49" fmla="*/ 846981 w 1296055"/>
              <a:gd name="connsiteY49" fmla="*/ 757467 h 871084"/>
              <a:gd name="connsiteX50" fmla="*/ 959538 w 1296055"/>
              <a:gd name="connsiteY50" fmla="*/ 644856 h 871084"/>
              <a:gd name="connsiteX51" fmla="*/ 113561 w 1296055"/>
              <a:gd name="connsiteY51" fmla="*/ 644856 h 871084"/>
              <a:gd name="connsiteX52" fmla="*/ 177880 w 1296055"/>
              <a:gd name="connsiteY52" fmla="*/ 664965 h 871084"/>
              <a:gd name="connsiteX53" fmla="*/ 177880 w 1296055"/>
              <a:gd name="connsiteY53" fmla="*/ 646867 h 871084"/>
              <a:gd name="connsiteX54" fmla="*/ 232148 w 1296055"/>
              <a:gd name="connsiteY54" fmla="*/ 646867 h 871084"/>
              <a:gd name="connsiteX55" fmla="*/ 232148 w 1296055"/>
              <a:gd name="connsiteY55" fmla="*/ 867062 h 871084"/>
              <a:gd name="connsiteX56" fmla="*/ 177880 w 1296055"/>
              <a:gd name="connsiteY56" fmla="*/ 867062 h 871084"/>
              <a:gd name="connsiteX57" fmla="*/ 177880 w 1296055"/>
              <a:gd name="connsiteY57" fmla="*/ 850975 h 871084"/>
              <a:gd name="connsiteX58" fmla="*/ 113561 w 1296055"/>
              <a:gd name="connsiteY58" fmla="*/ 871084 h 871084"/>
              <a:gd name="connsiteX59" fmla="*/ 0 w 1296055"/>
              <a:gd name="connsiteY59" fmla="*/ 757467 h 871084"/>
              <a:gd name="connsiteX60" fmla="*/ 113561 w 1296055"/>
              <a:gd name="connsiteY60" fmla="*/ 644856 h 871084"/>
              <a:gd name="connsiteX61" fmla="*/ 332788 w 1296055"/>
              <a:gd name="connsiteY61" fmla="*/ 397484 h 871084"/>
              <a:gd name="connsiteX62" fmla="*/ 433005 w 1296055"/>
              <a:gd name="connsiteY62" fmla="*/ 572547 h 871084"/>
              <a:gd name="connsiteX63" fmla="*/ 433807 w 1296055"/>
              <a:gd name="connsiteY63" fmla="*/ 572547 h 871084"/>
              <a:gd name="connsiteX64" fmla="*/ 487130 w 1296055"/>
              <a:gd name="connsiteY64" fmla="*/ 572547 h 871084"/>
              <a:gd name="connsiteX65" fmla="*/ 487130 w 1296055"/>
              <a:gd name="connsiteY65" fmla="*/ 867063 h 871084"/>
              <a:gd name="connsiteX66" fmla="*/ 432961 w 1296055"/>
              <a:gd name="connsiteY66" fmla="*/ 867063 h 871084"/>
              <a:gd name="connsiteX67" fmla="*/ 432961 w 1296055"/>
              <a:gd name="connsiteY67" fmla="*/ 850981 h 871084"/>
              <a:gd name="connsiteX68" fmla="*/ 368760 w 1296055"/>
              <a:gd name="connsiteY68" fmla="*/ 871084 h 871084"/>
              <a:gd name="connsiteX69" fmla="*/ 255405 w 1296055"/>
              <a:gd name="connsiteY69" fmla="*/ 757499 h 871084"/>
              <a:gd name="connsiteX70" fmla="*/ 368760 w 1296055"/>
              <a:gd name="connsiteY70" fmla="*/ 644920 h 871084"/>
              <a:gd name="connsiteX71" fmla="*/ 432961 w 1296055"/>
              <a:gd name="connsiteY71" fmla="*/ 665023 h 871084"/>
              <a:gd name="connsiteX72" fmla="*/ 432961 w 1296055"/>
              <a:gd name="connsiteY72" fmla="*/ 572547 h 871084"/>
              <a:gd name="connsiteX73" fmla="*/ 178868 w 1296055"/>
              <a:gd name="connsiteY73" fmla="*/ 572547 h 871084"/>
              <a:gd name="connsiteX74" fmla="*/ 141657 w 1296055"/>
              <a:gd name="connsiteY74" fmla="*/ 507004 h 871084"/>
              <a:gd name="connsiteX75" fmla="*/ 555633 w 1296055"/>
              <a:gd name="connsiteY75" fmla="*/ 200856 h 871084"/>
              <a:gd name="connsiteX76" fmla="*/ 769599 w 1296055"/>
              <a:gd name="connsiteY76" fmla="*/ 572547 h 871084"/>
              <a:gd name="connsiteX77" fmla="*/ 770304 w 1296055"/>
              <a:gd name="connsiteY77" fmla="*/ 572547 h 871084"/>
              <a:gd name="connsiteX78" fmla="*/ 823724 w 1296055"/>
              <a:gd name="connsiteY78" fmla="*/ 572547 h 871084"/>
              <a:gd name="connsiteX79" fmla="*/ 823724 w 1296055"/>
              <a:gd name="connsiteY79" fmla="*/ 867063 h 871084"/>
              <a:gd name="connsiteX80" fmla="*/ 769456 w 1296055"/>
              <a:gd name="connsiteY80" fmla="*/ 867063 h 871084"/>
              <a:gd name="connsiteX81" fmla="*/ 769456 w 1296055"/>
              <a:gd name="connsiteY81" fmla="*/ 850981 h 871084"/>
              <a:gd name="connsiteX82" fmla="*/ 704133 w 1296055"/>
              <a:gd name="connsiteY82" fmla="*/ 871084 h 871084"/>
              <a:gd name="connsiteX83" fmla="*/ 591576 w 1296055"/>
              <a:gd name="connsiteY83" fmla="*/ 757499 h 871084"/>
              <a:gd name="connsiteX84" fmla="*/ 704133 w 1296055"/>
              <a:gd name="connsiteY84" fmla="*/ 644920 h 871084"/>
              <a:gd name="connsiteX85" fmla="*/ 769456 w 1296055"/>
              <a:gd name="connsiteY85" fmla="*/ 665023 h 871084"/>
              <a:gd name="connsiteX86" fmla="*/ 769456 w 1296055"/>
              <a:gd name="connsiteY86" fmla="*/ 572547 h 871084"/>
              <a:gd name="connsiteX87" fmla="*/ 568742 w 1296055"/>
              <a:gd name="connsiteY87" fmla="*/ 572547 h 871084"/>
              <a:gd name="connsiteX88" fmla="*/ 568742 w 1296055"/>
              <a:gd name="connsiteY88" fmla="*/ 626672 h 871084"/>
              <a:gd name="connsiteX89" fmla="*/ 514616 w 1296055"/>
              <a:gd name="connsiteY89" fmla="*/ 626672 h 871084"/>
              <a:gd name="connsiteX90" fmla="*/ 514616 w 1296055"/>
              <a:gd name="connsiteY90" fmla="*/ 572547 h 871084"/>
              <a:gd name="connsiteX91" fmla="*/ 364925 w 1296055"/>
              <a:gd name="connsiteY91" fmla="*/ 310799 h 871084"/>
              <a:gd name="connsiteX92" fmla="*/ 775519 w 1296055"/>
              <a:gd name="connsiteY92" fmla="*/ 0 h 871084"/>
              <a:gd name="connsiteX93" fmla="*/ 1106192 w 1296055"/>
              <a:gd name="connsiteY93" fmla="*/ 572547 h 871084"/>
              <a:gd name="connsiteX94" fmla="*/ 850787 w 1296055"/>
              <a:gd name="connsiteY94" fmla="*/ 572547 h 871084"/>
              <a:gd name="connsiteX95" fmla="*/ 585656 w 1296055"/>
              <a:gd name="connsiteY95" fmla="*/ 110366 h 87108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</a:cxnLst>
            <a:rect l="l" t="t" r="r" b="b"/>
            <a:pathLst>
              <a:path w="1296055" h="871084">
                <a:moveTo>
                  <a:pt x="962421" y="695176"/>
                </a:moveTo>
                <a:cubicBezTo>
                  <a:pt x="928091" y="695176"/>
                  <a:pt x="900261" y="723290"/>
                  <a:pt x="900261" y="757970"/>
                </a:cubicBezTo>
                <a:cubicBezTo>
                  <a:pt x="900261" y="792650"/>
                  <a:pt x="928091" y="820764"/>
                  <a:pt x="962421" y="820764"/>
                </a:cubicBezTo>
                <a:cubicBezTo>
                  <a:pt x="996751" y="820764"/>
                  <a:pt x="1024581" y="792650"/>
                  <a:pt x="1024581" y="757970"/>
                </a:cubicBezTo>
                <a:cubicBezTo>
                  <a:pt x="1024581" y="723290"/>
                  <a:pt x="996751" y="695176"/>
                  <a:pt x="962421" y="695176"/>
                </a:cubicBezTo>
                <a:close/>
                <a:moveTo>
                  <a:pt x="707228" y="695176"/>
                </a:moveTo>
                <a:cubicBezTo>
                  <a:pt x="672781" y="695176"/>
                  <a:pt x="644856" y="723290"/>
                  <a:pt x="644856" y="757970"/>
                </a:cubicBezTo>
                <a:cubicBezTo>
                  <a:pt x="644856" y="792650"/>
                  <a:pt x="672781" y="820764"/>
                  <a:pt x="707228" y="820764"/>
                </a:cubicBezTo>
                <a:cubicBezTo>
                  <a:pt x="741675" y="820764"/>
                  <a:pt x="769600" y="792650"/>
                  <a:pt x="769600" y="757970"/>
                </a:cubicBezTo>
                <a:cubicBezTo>
                  <a:pt x="769600" y="723290"/>
                  <a:pt x="741675" y="695176"/>
                  <a:pt x="707228" y="695176"/>
                </a:cubicBezTo>
                <a:close/>
                <a:moveTo>
                  <a:pt x="371056" y="695176"/>
                </a:moveTo>
                <a:cubicBezTo>
                  <a:pt x="336376" y="695176"/>
                  <a:pt x="308262" y="723290"/>
                  <a:pt x="308262" y="757970"/>
                </a:cubicBezTo>
                <a:cubicBezTo>
                  <a:pt x="308262" y="792650"/>
                  <a:pt x="336376" y="820764"/>
                  <a:pt x="371056" y="820764"/>
                </a:cubicBezTo>
                <a:cubicBezTo>
                  <a:pt x="405736" y="820764"/>
                  <a:pt x="433850" y="792650"/>
                  <a:pt x="433850" y="757970"/>
                </a:cubicBezTo>
                <a:cubicBezTo>
                  <a:pt x="433850" y="723290"/>
                  <a:pt x="405736" y="695176"/>
                  <a:pt x="371056" y="695176"/>
                </a:cubicBezTo>
                <a:close/>
                <a:moveTo>
                  <a:pt x="116074" y="695176"/>
                </a:moveTo>
                <a:cubicBezTo>
                  <a:pt x="81394" y="695176"/>
                  <a:pt x="53280" y="723290"/>
                  <a:pt x="53280" y="757970"/>
                </a:cubicBezTo>
                <a:cubicBezTo>
                  <a:pt x="53280" y="792650"/>
                  <a:pt x="81394" y="820764"/>
                  <a:pt x="116074" y="820764"/>
                </a:cubicBezTo>
                <a:cubicBezTo>
                  <a:pt x="150754" y="820764"/>
                  <a:pt x="178868" y="792650"/>
                  <a:pt x="178868" y="757970"/>
                </a:cubicBezTo>
                <a:cubicBezTo>
                  <a:pt x="178868" y="723290"/>
                  <a:pt x="150754" y="695176"/>
                  <a:pt x="116074" y="695176"/>
                </a:cubicBezTo>
                <a:close/>
                <a:moveTo>
                  <a:pt x="514616" y="646970"/>
                </a:moveTo>
                <a:lnTo>
                  <a:pt x="568742" y="646970"/>
                </a:lnTo>
                <a:lnTo>
                  <a:pt x="568742" y="867278"/>
                </a:lnTo>
                <a:lnTo>
                  <a:pt x="514616" y="867278"/>
                </a:lnTo>
                <a:close/>
                <a:moveTo>
                  <a:pt x="1195519" y="644856"/>
                </a:moveTo>
                <a:cubicBezTo>
                  <a:pt x="1250814" y="644856"/>
                  <a:pt x="1284996" y="673009"/>
                  <a:pt x="1288012" y="716244"/>
                </a:cubicBezTo>
                <a:cubicBezTo>
                  <a:pt x="1288012" y="716244"/>
                  <a:pt x="1288012" y="716244"/>
                  <a:pt x="1232717" y="716244"/>
                </a:cubicBezTo>
                <a:cubicBezTo>
                  <a:pt x="1232717" y="700156"/>
                  <a:pt x="1220653" y="686080"/>
                  <a:pt x="1193508" y="686080"/>
                </a:cubicBezTo>
                <a:cubicBezTo>
                  <a:pt x="1174406" y="686080"/>
                  <a:pt x="1159326" y="692113"/>
                  <a:pt x="1159326" y="707195"/>
                </a:cubicBezTo>
                <a:cubicBezTo>
                  <a:pt x="1159326" y="720265"/>
                  <a:pt x="1175412" y="725293"/>
                  <a:pt x="1197530" y="729315"/>
                </a:cubicBezTo>
                <a:cubicBezTo>
                  <a:pt x="1197530" y="729315"/>
                  <a:pt x="1197530" y="729315"/>
                  <a:pt x="1232717" y="736353"/>
                </a:cubicBezTo>
                <a:cubicBezTo>
                  <a:pt x="1276953" y="744396"/>
                  <a:pt x="1296055" y="764506"/>
                  <a:pt x="1296055" y="798691"/>
                </a:cubicBezTo>
                <a:cubicBezTo>
                  <a:pt x="1296055" y="848964"/>
                  <a:pt x="1253830" y="871084"/>
                  <a:pt x="1202557" y="871084"/>
                </a:cubicBezTo>
                <a:cubicBezTo>
                  <a:pt x="1139219" y="871084"/>
                  <a:pt x="1101015" y="839915"/>
                  <a:pt x="1099004" y="795675"/>
                </a:cubicBezTo>
                <a:cubicBezTo>
                  <a:pt x="1099004" y="795675"/>
                  <a:pt x="1099004" y="795675"/>
                  <a:pt x="1155305" y="795675"/>
                </a:cubicBezTo>
                <a:cubicBezTo>
                  <a:pt x="1155305" y="810757"/>
                  <a:pt x="1167369" y="829860"/>
                  <a:pt x="1203562" y="829860"/>
                </a:cubicBezTo>
                <a:cubicBezTo>
                  <a:pt x="1227691" y="829860"/>
                  <a:pt x="1237744" y="818800"/>
                  <a:pt x="1237744" y="807740"/>
                </a:cubicBezTo>
                <a:cubicBezTo>
                  <a:pt x="1237744" y="795675"/>
                  <a:pt x="1228696" y="790648"/>
                  <a:pt x="1208589" y="786626"/>
                </a:cubicBezTo>
                <a:cubicBezTo>
                  <a:pt x="1208589" y="786626"/>
                  <a:pt x="1208589" y="786626"/>
                  <a:pt x="1179433" y="781598"/>
                </a:cubicBezTo>
                <a:cubicBezTo>
                  <a:pt x="1144246" y="774560"/>
                  <a:pt x="1104031" y="766517"/>
                  <a:pt x="1104031" y="716244"/>
                </a:cubicBezTo>
                <a:cubicBezTo>
                  <a:pt x="1104031" y="676025"/>
                  <a:pt x="1138213" y="644856"/>
                  <a:pt x="1195519" y="644856"/>
                </a:cubicBezTo>
                <a:close/>
                <a:moveTo>
                  <a:pt x="959538" y="644856"/>
                </a:moveTo>
                <a:cubicBezTo>
                  <a:pt x="983657" y="644856"/>
                  <a:pt x="1006771" y="651894"/>
                  <a:pt x="1024861" y="664965"/>
                </a:cubicBezTo>
                <a:cubicBezTo>
                  <a:pt x="1024861" y="664965"/>
                  <a:pt x="1024861" y="664965"/>
                  <a:pt x="1024861" y="646867"/>
                </a:cubicBezTo>
                <a:cubicBezTo>
                  <a:pt x="1024861" y="646867"/>
                  <a:pt x="1024861" y="646867"/>
                  <a:pt x="1079129" y="646867"/>
                </a:cubicBezTo>
                <a:cubicBezTo>
                  <a:pt x="1079129" y="646867"/>
                  <a:pt x="1079129" y="646867"/>
                  <a:pt x="1079129" y="867062"/>
                </a:cubicBezTo>
                <a:cubicBezTo>
                  <a:pt x="1079129" y="867062"/>
                  <a:pt x="1079129" y="867062"/>
                  <a:pt x="1024861" y="867062"/>
                </a:cubicBezTo>
                <a:cubicBezTo>
                  <a:pt x="1024861" y="867062"/>
                  <a:pt x="1024861" y="867062"/>
                  <a:pt x="1024861" y="850975"/>
                </a:cubicBezTo>
                <a:cubicBezTo>
                  <a:pt x="1006771" y="864046"/>
                  <a:pt x="983657" y="871084"/>
                  <a:pt x="959538" y="871084"/>
                </a:cubicBezTo>
                <a:cubicBezTo>
                  <a:pt x="897230" y="871084"/>
                  <a:pt x="846981" y="820811"/>
                  <a:pt x="846981" y="757467"/>
                </a:cubicBezTo>
                <a:cubicBezTo>
                  <a:pt x="846981" y="695129"/>
                  <a:pt x="897230" y="644856"/>
                  <a:pt x="959538" y="644856"/>
                </a:cubicBezTo>
                <a:close/>
                <a:moveTo>
                  <a:pt x="113561" y="644856"/>
                </a:moveTo>
                <a:cubicBezTo>
                  <a:pt x="137681" y="644856"/>
                  <a:pt x="159790" y="651894"/>
                  <a:pt x="177880" y="664965"/>
                </a:cubicBezTo>
                <a:cubicBezTo>
                  <a:pt x="177880" y="664965"/>
                  <a:pt x="177880" y="664965"/>
                  <a:pt x="177880" y="646867"/>
                </a:cubicBezTo>
                <a:cubicBezTo>
                  <a:pt x="177880" y="646867"/>
                  <a:pt x="177880" y="646867"/>
                  <a:pt x="232148" y="646867"/>
                </a:cubicBezTo>
                <a:cubicBezTo>
                  <a:pt x="232148" y="646867"/>
                  <a:pt x="232148" y="646867"/>
                  <a:pt x="232148" y="867062"/>
                </a:cubicBezTo>
                <a:cubicBezTo>
                  <a:pt x="232148" y="867062"/>
                  <a:pt x="232148" y="867062"/>
                  <a:pt x="177880" y="867062"/>
                </a:cubicBezTo>
                <a:cubicBezTo>
                  <a:pt x="177880" y="867062"/>
                  <a:pt x="177880" y="867062"/>
                  <a:pt x="177880" y="850975"/>
                </a:cubicBezTo>
                <a:cubicBezTo>
                  <a:pt x="159790" y="864046"/>
                  <a:pt x="137681" y="871084"/>
                  <a:pt x="113561" y="871084"/>
                </a:cubicBezTo>
                <a:cubicBezTo>
                  <a:pt x="50248" y="871084"/>
                  <a:pt x="0" y="820811"/>
                  <a:pt x="0" y="757467"/>
                </a:cubicBezTo>
                <a:cubicBezTo>
                  <a:pt x="0" y="695129"/>
                  <a:pt x="50248" y="644856"/>
                  <a:pt x="113561" y="644856"/>
                </a:cubicBezTo>
                <a:close/>
                <a:moveTo>
                  <a:pt x="332788" y="397484"/>
                </a:moveTo>
                <a:lnTo>
                  <a:pt x="433005" y="572547"/>
                </a:lnTo>
                <a:lnTo>
                  <a:pt x="433807" y="572547"/>
                </a:lnTo>
                <a:cubicBezTo>
                  <a:pt x="436346" y="572547"/>
                  <a:pt x="446503" y="572547"/>
                  <a:pt x="487130" y="572547"/>
                </a:cubicBezTo>
                <a:cubicBezTo>
                  <a:pt x="487130" y="572547"/>
                  <a:pt x="487130" y="572547"/>
                  <a:pt x="487130" y="867063"/>
                </a:cubicBezTo>
                <a:cubicBezTo>
                  <a:pt x="487130" y="867063"/>
                  <a:pt x="487130" y="867063"/>
                  <a:pt x="432961" y="867063"/>
                </a:cubicBezTo>
                <a:cubicBezTo>
                  <a:pt x="432961" y="867063"/>
                  <a:pt x="432961" y="867063"/>
                  <a:pt x="432961" y="850981"/>
                </a:cubicBezTo>
                <a:cubicBezTo>
                  <a:pt x="414904" y="864048"/>
                  <a:pt x="392835" y="871084"/>
                  <a:pt x="368760" y="871084"/>
                </a:cubicBezTo>
                <a:cubicBezTo>
                  <a:pt x="305562" y="871084"/>
                  <a:pt x="255405" y="820825"/>
                  <a:pt x="255405" y="757499"/>
                </a:cubicBezTo>
                <a:cubicBezTo>
                  <a:pt x="255405" y="695178"/>
                  <a:pt x="305562" y="644920"/>
                  <a:pt x="368760" y="644920"/>
                </a:cubicBezTo>
                <a:cubicBezTo>
                  <a:pt x="392835" y="644920"/>
                  <a:pt x="414904" y="651956"/>
                  <a:pt x="432961" y="665023"/>
                </a:cubicBezTo>
                <a:cubicBezTo>
                  <a:pt x="432961" y="665023"/>
                  <a:pt x="432961" y="665023"/>
                  <a:pt x="432961" y="572547"/>
                </a:cubicBezTo>
                <a:lnTo>
                  <a:pt x="178868" y="572547"/>
                </a:lnTo>
                <a:lnTo>
                  <a:pt x="141657" y="507004"/>
                </a:lnTo>
                <a:close/>
                <a:moveTo>
                  <a:pt x="555633" y="200856"/>
                </a:moveTo>
                <a:lnTo>
                  <a:pt x="769599" y="572547"/>
                </a:lnTo>
                <a:lnTo>
                  <a:pt x="770304" y="572547"/>
                </a:lnTo>
                <a:cubicBezTo>
                  <a:pt x="772848" y="572547"/>
                  <a:pt x="783023" y="572547"/>
                  <a:pt x="823724" y="572547"/>
                </a:cubicBezTo>
                <a:cubicBezTo>
                  <a:pt x="823724" y="572547"/>
                  <a:pt x="823724" y="572547"/>
                  <a:pt x="823724" y="867063"/>
                </a:cubicBezTo>
                <a:cubicBezTo>
                  <a:pt x="823724" y="867063"/>
                  <a:pt x="823724" y="867063"/>
                  <a:pt x="769456" y="867063"/>
                </a:cubicBezTo>
                <a:cubicBezTo>
                  <a:pt x="769456" y="867063"/>
                  <a:pt x="769456" y="867063"/>
                  <a:pt x="769456" y="850981"/>
                </a:cubicBezTo>
                <a:cubicBezTo>
                  <a:pt x="751366" y="864048"/>
                  <a:pt x="728252" y="871084"/>
                  <a:pt x="704133" y="871084"/>
                </a:cubicBezTo>
                <a:cubicBezTo>
                  <a:pt x="641825" y="871084"/>
                  <a:pt x="591576" y="820825"/>
                  <a:pt x="591576" y="757499"/>
                </a:cubicBezTo>
                <a:cubicBezTo>
                  <a:pt x="591576" y="695178"/>
                  <a:pt x="641825" y="644920"/>
                  <a:pt x="704133" y="644920"/>
                </a:cubicBezTo>
                <a:cubicBezTo>
                  <a:pt x="728252" y="644920"/>
                  <a:pt x="751366" y="651956"/>
                  <a:pt x="769456" y="665023"/>
                </a:cubicBezTo>
                <a:cubicBezTo>
                  <a:pt x="769456" y="665023"/>
                  <a:pt x="769456" y="665023"/>
                  <a:pt x="769456" y="572547"/>
                </a:cubicBezTo>
                <a:lnTo>
                  <a:pt x="568742" y="572547"/>
                </a:lnTo>
                <a:lnTo>
                  <a:pt x="568742" y="626672"/>
                </a:lnTo>
                <a:lnTo>
                  <a:pt x="514616" y="626672"/>
                </a:lnTo>
                <a:lnTo>
                  <a:pt x="514616" y="572547"/>
                </a:lnTo>
                <a:lnTo>
                  <a:pt x="364925" y="310799"/>
                </a:lnTo>
                <a:close/>
                <a:moveTo>
                  <a:pt x="775519" y="0"/>
                </a:moveTo>
                <a:lnTo>
                  <a:pt x="1106192" y="572547"/>
                </a:lnTo>
                <a:lnTo>
                  <a:pt x="850787" y="572547"/>
                </a:lnTo>
                <a:lnTo>
                  <a:pt x="585656" y="110366"/>
                </a:ln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78566268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Origin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2">
            <a:extLst>
              <a:ext uri="{FF2B5EF4-FFF2-40B4-BE49-F238E27FC236}">
                <a16:creationId xmlns:a16="http://schemas.microsoft.com/office/drawing/2014/main" id="{F50423A5-26E1-44EC-A20A-3492C942C7D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0" y="0"/>
            <a:ext cx="9215438" cy="5184775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rgbClr val="007FC5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6" name="Text Placeholder 85">
            <a:extLst>
              <a:ext uri="{FF2B5EF4-FFF2-40B4-BE49-F238E27FC236}">
                <a16:creationId xmlns:a16="http://schemas.microsoft.com/office/drawing/2014/main" id="{66357334-A6F0-47AA-BEF2-8EAC464113D6}"/>
              </a:ext>
            </a:extLst>
          </p:cNvPr>
          <p:cNvSpPr>
            <a:spLocks noGrp="1" noChangeAspect="1"/>
          </p:cNvSpPr>
          <p:nvPr>
            <p:ph type="body" sz="quarter" idx="17" hasCustomPrompt="1"/>
          </p:nvPr>
        </p:nvSpPr>
        <p:spPr bwMode="gray">
          <a:xfrm>
            <a:off x="6767719" y="2772813"/>
            <a:ext cx="1296000" cy="1259574"/>
          </a:xfrm>
          <a:custGeom>
            <a:avLst/>
            <a:gdLst>
              <a:gd name="connsiteX0" fmla="*/ 955140 w 1289296"/>
              <a:gd name="connsiteY0" fmla="*/ 1076565 h 1253058"/>
              <a:gd name="connsiteX1" fmla="*/ 891054 w 1289296"/>
              <a:gd name="connsiteY1" fmla="*/ 1139771 h 1253058"/>
              <a:gd name="connsiteX2" fmla="*/ 955140 w 1289296"/>
              <a:gd name="connsiteY2" fmla="*/ 1201957 h 1253058"/>
              <a:gd name="connsiteX3" fmla="*/ 1015157 w 1289296"/>
              <a:gd name="connsiteY3" fmla="*/ 1139771 h 1253058"/>
              <a:gd name="connsiteX4" fmla="*/ 955140 w 1289296"/>
              <a:gd name="connsiteY4" fmla="*/ 1076565 h 1253058"/>
              <a:gd name="connsiteX5" fmla="*/ 703316 w 1289296"/>
              <a:gd name="connsiteY5" fmla="*/ 1076565 h 1253058"/>
              <a:gd name="connsiteX6" fmla="*/ 641129 w 1289296"/>
              <a:gd name="connsiteY6" fmla="*/ 1139771 h 1253058"/>
              <a:gd name="connsiteX7" fmla="*/ 703316 w 1289296"/>
              <a:gd name="connsiteY7" fmla="*/ 1201957 h 1253058"/>
              <a:gd name="connsiteX8" fmla="*/ 766521 w 1289296"/>
              <a:gd name="connsiteY8" fmla="*/ 1139771 h 1253058"/>
              <a:gd name="connsiteX9" fmla="*/ 703316 w 1289296"/>
              <a:gd name="connsiteY9" fmla="*/ 1076565 h 1253058"/>
              <a:gd name="connsiteX10" fmla="*/ 368473 w 1289296"/>
              <a:gd name="connsiteY10" fmla="*/ 1076565 h 1253058"/>
              <a:gd name="connsiteX11" fmla="*/ 303173 w 1289296"/>
              <a:gd name="connsiteY11" fmla="*/ 1139771 h 1253058"/>
              <a:gd name="connsiteX12" fmla="*/ 368473 w 1289296"/>
              <a:gd name="connsiteY12" fmla="*/ 1201957 h 1253058"/>
              <a:gd name="connsiteX13" fmla="*/ 430712 w 1289296"/>
              <a:gd name="connsiteY13" fmla="*/ 1139771 h 1253058"/>
              <a:gd name="connsiteX14" fmla="*/ 368473 w 1289296"/>
              <a:gd name="connsiteY14" fmla="*/ 1076565 h 1253058"/>
              <a:gd name="connsiteX15" fmla="*/ 115568 w 1289296"/>
              <a:gd name="connsiteY15" fmla="*/ 1076565 h 1253058"/>
              <a:gd name="connsiteX16" fmla="*/ 53249 w 1289296"/>
              <a:gd name="connsiteY16" fmla="*/ 1139771 h 1253058"/>
              <a:gd name="connsiteX17" fmla="*/ 115568 w 1289296"/>
              <a:gd name="connsiteY17" fmla="*/ 1201957 h 1253058"/>
              <a:gd name="connsiteX18" fmla="*/ 179929 w 1289296"/>
              <a:gd name="connsiteY18" fmla="*/ 1139771 h 1253058"/>
              <a:gd name="connsiteX19" fmla="*/ 115568 w 1289296"/>
              <a:gd name="connsiteY19" fmla="*/ 1076565 h 1253058"/>
              <a:gd name="connsiteX20" fmla="*/ 512302 w 1289296"/>
              <a:gd name="connsiteY20" fmla="*/ 1029328 h 1253058"/>
              <a:gd name="connsiteX21" fmla="*/ 565551 w 1289296"/>
              <a:gd name="connsiteY21" fmla="*/ 1029328 h 1253058"/>
              <a:gd name="connsiteX22" fmla="*/ 565551 w 1289296"/>
              <a:gd name="connsiteY22" fmla="*/ 1247905 h 1253058"/>
              <a:gd name="connsiteX23" fmla="*/ 512302 w 1289296"/>
              <a:gd name="connsiteY23" fmla="*/ 1247905 h 1253058"/>
              <a:gd name="connsiteX24" fmla="*/ 1186657 w 1289296"/>
              <a:gd name="connsiteY24" fmla="*/ 1026322 h 1253058"/>
              <a:gd name="connsiteX25" fmla="*/ 1279516 w 1289296"/>
              <a:gd name="connsiteY25" fmla="*/ 1097815 h 1253058"/>
              <a:gd name="connsiteX26" fmla="*/ 1224413 w 1289296"/>
              <a:gd name="connsiteY26" fmla="*/ 1097815 h 1253058"/>
              <a:gd name="connsiteX27" fmla="*/ 1188698 w 1289296"/>
              <a:gd name="connsiteY27" fmla="*/ 1068197 h 1253058"/>
              <a:gd name="connsiteX28" fmla="*/ 1150942 w 1289296"/>
              <a:gd name="connsiteY28" fmla="*/ 1087602 h 1253058"/>
              <a:gd name="connsiteX29" fmla="*/ 1232576 w 1289296"/>
              <a:gd name="connsiteY29" fmla="*/ 1118242 h 1253058"/>
              <a:gd name="connsiteX30" fmla="*/ 1288700 w 1289296"/>
              <a:gd name="connsiteY30" fmla="*/ 1177479 h 1253058"/>
              <a:gd name="connsiteX31" fmla="*/ 1189718 w 1289296"/>
              <a:gd name="connsiteY31" fmla="*/ 1253058 h 1253058"/>
              <a:gd name="connsiteX32" fmla="*/ 1090736 w 1289296"/>
              <a:gd name="connsiteY32" fmla="*/ 1177479 h 1253058"/>
              <a:gd name="connsiteX33" fmla="*/ 1147880 w 1289296"/>
              <a:gd name="connsiteY33" fmla="*/ 1177479 h 1253058"/>
              <a:gd name="connsiteX34" fmla="*/ 1192780 w 1289296"/>
              <a:gd name="connsiteY34" fmla="*/ 1212205 h 1253058"/>
              <a:gd name="connsiteX35" fmla="*/ 1229515 w 1289296"/>
              <a:gd name="connsiteY35" fmla="*/ 1186671 h 1253058"/>
              <a:gd name="connsiteX36" fmla="*/ 1182575 w 1289296"/>
              <a:gd name="connsiteY36" fmla="*/ 1165223 h 1253058"/>
              <a:gd name="connsiteX37" fmla="*/ 1126451 w 1289296"/>
              <a:gd name="connsiteY37" fmla="*/ 1149903 h 1253058"/>
              <a:gd name="connsiteX38" fmla="*/ 1095838 w 1289296"/>
              <a:gd name="connsiteY38" fmla="*/ 1096794 h 1253058"/>
              <a:gd name="connsiteX39" fmla="*/ 1186657 w 1289296"/>
              <a:gd name="connsiteY39" fmla="*/ 1026322 h 1253058"/>
              <a:gd name="connsiteX40" fmla="*/ 952138 w 1289296"/>
              <a:gd name="connsiteY40" fmla="*/ 1026322 h 1253058"/>
              <a:gd name="connsiteX41" fmla="*/ 1015429 w 1289296"/>
              <a:gd name="connsiteY41" fmla="*/ 1045727 h 1253058"/>
              <a:gd name="connsiteX42" fmla="*/ 1015429 w 1289296"/>
              <a:gd name="connsiteY42" fmla="*/ 1029386 h 1253058"/>
              <a:gd name="connsiteX43" fmla="*/ 1070553 w 1289296"/>
              <a:gd name="connsiteY43" fmla="*/ 1029386 h 1253058"/>
              <a:gd name="connsiteX44" fmla="*/ 1070553 w 1289296"/>
              <a:gd name="connsiteY44" fmla="*/ 1247951 h 1253058"/>
              <a:gd name="connsiteX45" fmla="*/ 1015429 w 1289296"/>
              <a:gd name="connsiteY45" fmla="*/ 1247951 h 1253058"/>
              <a:gd name="connsiteX46" fmla="*/ 1015429 w 1289296"/>
              <a:gd name="connsiteY46" fmla="*/ 1233653 h 1253058"/>
              <a:gd name="connsiteX47" fmla="*/ 952138 w 1289296"/>
              <a:gd name="connsiteY47" fmla="*/ 1253058 h 1253058"/>
              <a:gd name="connsiteX48" fmla="*/ 837805 w 1289296"/>
              <a:gd name="connsiteY48" fmla="*/ 1139690 h 1253058"/>
              <a:gd name="connsiteX49" fmla="*/ 952138 w 1289296"/>
              <a:gd name="connsiteY49" fmla="*/ 1026322 h 1253058"/>
              <a:gd name="connsiteX50" fmla="*/ 113441 w 1289296"/>
              <a:gd name="connsiteY50" fmla="*/ 1026322 h 1253058"/>
              <a:gd name="connsiteX51" fmla="*/ 179871 w 1289296"/>
              <a:gd name="connsiteY51" fmla="*/ 1045727 h 1253058"/>
              <a:gd name="connsiteX52" fmla="*/ 179871 w 1289296"/>
              <a:gd name="connsiteY52" fmla="*/ 1029386 h 1253058"/>
              <a:gd name="connsiteX53" fmla="*/ 234036 w 1289296"/>
              <a:gd name="connsiteY53" fmla="*/ 1029386 h 1253058"/>
              <a:gd name="connsiteX54" fmla="*/ 234036 w 1289296"/>
              <a:gd name="connsiteY54" fmla="*/ 1247951 h 1253058"/>
              <a:gd name="connsiteX55" fmla="*/ 179871 w 1289296"/>
              <a:gd name="connsiteY55" fmla="*/ 1247951 h 1253058"/>
              <a:gd name="connsiteX56" fmla="*/ 179871 w 1289296"/>
              <a:gd name="connsiteY56" fmla="*/ 1233653 h 1253058"/>
              <a:gd name="connsiteX57" fmla="*/ 113441 w 1289296"/>
              <a:gd name="connsiteY57" fmla="*/ 1253058 h 1253058"/>
              <a:gd name="connsiteX58" fmla="*/ 0 w 1289296"/>
              <a:gd name="connsiteY58" fmla="*/ 1139690 h 1253058"/>
              <a:gd name="connsiteX59" fmla="*/ 113441 w 1289296"/>
              <a:gd name="connsiteY59" fmla="*/ 1026322 h 1253058"/>
              <a:gd name="connsiteX60" fmla="*/ 766282 w 1289296"/>
              <a:gd name="connsiteY60" fmla="*/ 954179 h 1253058"/>
              <a:gd name="connsiteX61" fmla="*/ 819340 w 1289296"/>
              <a:gd name="connsiteY61" fmla="*/ 954179 h 1253058"/>
              <a:gd name="connsiteX62" fmla="*/ 819340 w 1289296"/>
              <a:gd name="connsiteY62" fmla="*/ 1247958 h 1253058"/>
              <a:gd name="connsiteX63" fmla="*/ 766282 w 1289296"/>
              <a:gd name="connsiteY63" fmla="*/ 1247958 h 1253058"/>
              <a:gd name="connsiteX64" fmla="*/ 766282 w 1289296"/>
              <a:gd name="connsiteY64" fmla="*/ 1233677 h 1253058"/>
              <a:gd name="connsiteX65" fmla="*/ 702000 w 1289296"/>
              <a:gd name="connsiteY65" fmla="*/ 1253058 h 1253058"/>
              <a:gd name="connsiteX66" fmla="*/ 588740 w 1289296"/>
              <a:gd name="connsiteY66" fmla="*/ 1139831 h 1253058"/>
              <a:gd name="connsiteX67" fmla="*/ 702000 w 1289296"/>
              <a:gd name="connsiteY67" fmla="*/ 1026604 h 1253058"/>
              <a:gd name="connsiteX68" fmla="*/ 766282 w 1289296"/>
              <a:gd name="connsiteY68" fmla="*/ 1045985 h 1253058"/>
              <a:gd name="connsiteX69" fmla="*/ 766282 w 1289296"/>
              <a:gd name="connsiteY69" fmla="*/ 954179 h 1253058"/>
              <a:gd name="connsiteX70" fmla="*/ 512302 w 1289296"/>
              <a:gd name="connsiteY70" fmla="*/ 954179 h 1253058"/>
              <a:gd name="connsiteX71" fmla="*/ 565551 w 1289296"/>
              <a:gd name="connsiteY71" fmla="*/ 954179 h 1253058"/>
              <a:gd name="connsiteX72" fmla="*/ 565551 w 1289296"/>
              <a:gd name="connsiteY72" fmla="*/ 1009145 h 1253058"/>
              <a:gd name="connsiteX73" fmla="*/ 512302 w 1289296"/>
              <a:gd name="connsiteY73" fmla="*/ 1009145 h 1253058"/>
              <a:gd name="connsiteX74" fmla="*/ 430753 w 1289296"/>
              <a:gd name="connsiteY74" fmla="*/ 954179 h 1253058"/>
              <a:gd name="connsiteX75" fmla="*/ 484819 w 1289296"/>
              <a:gd name="connsiteY75" fmla="*/ 954179 h 1253058"/>
              <a:gd name="connsiteX76" fmla="*/ 484819 w 1289296"/>
              <a:gd name="connsiteY76" fmla="*/ 1247958 h 1253058"/>
              <a:gd name="connsiteX77" fmla="*/ 430753 w 1289296"/>
              <a:gd name="connsiteY77" fmla="*/ 1247958 h 1253058"/>
              <a:gd name="connsiteX78" fmla="*/ 430753 w 1289296"/>
              <a:gd name="connsiteY78" fmla="*/ 1233677 h 1253058"/>
              <a:gd name="connsiteX79" fmla="*/ 365466 w 1289296"/>
              <a:gd name="connsiteY79" fmla="*/ 1253058 h 1253058"/>
              <a:gd name="connsiteX80" fmla="*/ 251213 w 1289296"/>
              <a:gd name="connsiteY80" fmla="*/ 1139831 h 1253058"/>
              <a:gd name="connsiteX81" fmla="*/ 365466 w 1289296"/>
              <a:gd name="connsiteY81" fmla="*/ 1026604 h 1253058"/>
              <a:gd name="connsiteX82" fmla="*/ 430753 w 1289296"/>
              <a:gd name="connsiteY82" fmla="*/ 1045985 h 1253058"/>
              <a:gd name="connsiteX83" fmla="*/ 430753 w 1289296"/>
              <a:gd name="connsiteY83" fmla="*/ 954179 h 1253058"/>
              <a:gd name="connsiteX84" fmla="*/ 743767 w 1289296"/>
              <a:gd name="connsiteY84" fmla="*/ 779403 h 1253058"/>
              <a:gd name="connsiteX85" fmla="*/ 1000985 w 1289296"/>
              <a:gd name="connsiteY85" fmla="*/ 779403 h 1253058"/>
              <a:gd name="connsiteX86" fmla="*/ 735601 w 1289296"/>
              <a:gd name="connsiteY86" fmla="*/ 886759 h 1253058"/>
              <a:gd name="connsiteX87" fmla="*/ 743767 w 1289296"/>
              <a:gd name="connsiteY87" fmla="*/ 779403 h 1253058"/>
              <a:gd name="connsiteX88" fmla="*/ 566409 w 1289296"/>
              <a:gd name="connsiteY88" fmla="*/ 779403 h 1253058"/>
              <a:gd name="connsiteX89" fmla="*/ 728731 w 1289296"/>
              <a:gd name="connsiteY89" fmla="*/ 779403 h 1253058"/>
              <a:gd name="connsiteX90" fmla="*/ 648081 w 1289296"/>
              <a:gd name="connsiteY90" fmla="*/ 893630 h 1253058"/>
              <a:gd name="connsiteX91" fmla="*/ 566409 w 1289296"/>
              <a:gd name="connsiteY91" fmla="*/ 779403 h 1253058"/>
              <a:gd name="connsiteX92" fmla="*/ 294154 w 1289296"/>
              <a:gd name="connsiteY92" fmla="*/ 779403 h 1253058"/>
              <a:gd name="connsiteX93" fmla="*/ 554013 w 1289296"/>
              <a:gd name="connsiteY93" fmla="*/ 779403 h 1253058"/>
              <a:gd name="connsiteX94" fmla="*/ 558089 w 1289296"/>
              <a:gd name="connsiteY94" fmla="*/ 886759 h 1253058"/>
              <a:gd name="connsiteX95" fmla="*/ 294154 w 1289296"/>
              <a:gd name="connsiteY95" fmla="*/ 779403 h 1253058"/>
              <a:gd name="connsiteX96" fmla="*/ 178639 w 1289296"/>
              <a:gd name="connsiteY96" fmla="*/ 685788 h 1253058"/>
              <a:gd name="connsiteX97" fmla="*/ 1116500 w 1289296"/>
              <a:gd name="connsiteY97" fmla="*/ 685788 h 1253058"/>
              <a:gd name="connsiteX98" fmla="*/ 1064454 w 1289296"/>
              <a:gd name="connsiteY98" fmla="*/ 731736 h 1253058"/>
              <a:gd name="connsiteX99" fmla="*/ 226603 w 1289296"/>
              <a:gd name="connsiteY99" fmla="*/ 731736 h 1253058"/>
              <a:gd name="connsiteX100" fmla="*/ 178639 w 1289296"/>
              <a:gd name="connsiteY100" fmla="*/ 685788 h 1253058"/>
              <a:gd name="connsiteX101" fmla="*/ 103061 w 1289296"/>
              <a:gd name="connsiteY101" fmla="*/ 583586 h 1253058"/>
              <a:gd name="connsiteX102" fmla="*/ 1192938 w 1289296"/>
              <a:gd name="connsiteY102" fmla="*/ 583586 h 1253058"/>
              <a:gd name="connsiteX103" fmla="*/ 1158242 w 1289296"/>
              <a:gd name="connsiteY103" fmla="*/ 633829 h 1253058"/>
              <a:gd name="connsiteX104" fmla="*/ 136737 w 1289296"/>
              <a:gd name="connsiteY104" fmla="*/ 633829 h 1253058"/>
              <a:gd name="connsiteX105" fmla="*/ 103061 w 1289296"/>
              <a:gd name="connsiteY105" fmla="*/ 583586 h 1253058"/>
              <a:gd name="connsiteX106" fmla="*/ 1287839 w 1289296"/>
              <a:gd name="connsiteY106" fmla="*/ 249924 h 1253058"/>
              <a:gd name="connsiteX107" fmla="*/ 1218479 w 1289296"/>
              <a:gd name="connsiteY107" fmla="*/ 535920 h 1253058"/>
              <a:gd name="connsiteX108" fmla="*/ 842098 w 1289296"/>
              <a:gd name="connsiteY108" fmla="*/ 535920 h 1253058"/>
              <a:gd name="connsiteX109" fmla="*/ 894118 w 1289296"/>
              <a:gd name="connsiteY109" fmla="*/ 465443 h 1253058"/>
              <a:gd name="connsiteX110" fmla="*/ 1287839 w 1289296"/>
              <a:gd name="connsiteY110" fmla="*/ 249924 h 1253058"/>
              <a:gd name="connsiteX111" fmla="*/ 9286 w 1289296"/>
              <a:gd name="connsiteY111" fmla="*/ 249924 h 1253058"/>
              <a:gd name="connsiteX112" fmla="*/ 404027 w 1289296"/>
              <a:gd name="connsiteY112" fmla="*/ 465443 h 1253058"/>
              <a:gd name="connsiteX113" fmla="*/ 456047 w 1289296"/>
              <a:gd name="connsiteY113" fmla="*/ 535920 h 1253058"/>
              <a:gd name="connsiteX114" fmla="*/ 77626 w 1289296"/>
              <a:gd name="connsiteY114" fmla="*/ 535920 h 1253058"/>
              <a:gd name="connsiteX115" fmla="*/ 9286 w 1289296"/>
              <a:gd name="connsiteY115" fmla="*/ 249924 h 1253058"/>
              <a:gd name="connsiteX116" fmla="*/ 647919 w 1289296"/>
              <a:gd name="connsiteY116" fmla="*/ 0 h 1253058"/>
              <a:gd name="connsiteX117" fmla="*/ 816334 w 1289296"/>
              <a:gd name="connsiteY117" fmla="*/ 445070 h 1253058"/>
              <a:gd name="connsiteX118" fmla="*/ 811231 w 1289296"/>
              <a:gd name="connsiteY118" fmla="*/ 535921 h 1253058"/>
              <a:gd name="connsiteX119" fmla="*/ 484608 w 1289296"/>
              <a:gd name="connsiteY119" fmla="*/ 535921 h 1253058"/>
              <a:gd name="connsiteX120" fmla="*/ 480525 w 1289296"/>
              <a:gd name="connsiteY120" fmla="*/ 445070 h 1253058"/>
              <a:gd name="connsiteX121" fmla="*/ 647919 w 1289296"/>
              <a:gd name="connsiteY121" fmla="*/ 0 h 1253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</a:cxnLst>
            <a:rect l="l" t="t" r="r" b="b"/>
            <a:pathLst>
              <a:path w="1289296" h="1253058">
                <a:moveTo>
                  <a:pt x="955140" y="1076565"/>
                </a:moveTo>
                <a:cubicBezTo>
                  <a:pt x="920554" y="1076565"/>
                  <a:pt x="891054" y="1105110"/>
                  <a:pt x="891054" y="1139771"/>
                </a:cubicBezTo>
                <a:cubicBezTo>
                  <a:pt x="891054" y="1173413"/>
                  <a:pt x="920554" y="1201957"/>
                  <a:pt x="955140" y="1201957"/>
                </a:cubicBezTo>
                <a:cubicBezTo>
                  <a:pt x="987692" y="1201957"/>
                  <a:pt x="1015157" y="1173413"/>
                  <a:pt x="1015157" y="1139771"/>
                </a:cubicBezTo>
                <a:cubicBezTo>
                  <a:pt x="1015157" y="1105110"/>
                  <a:pt x="987692" y="1076565"/>
                  <a:pt x="955140" y="1076565"/>
                </a:cubicBezTo>
                <a:close/>
                <a:moveTo>
                  <a:pt x="703316" y="1076565"/>
                </a:moveTo>
                <a:cubicBezTo>
                  <a:pt x="669674" y="1076565"/>
                  <a:pt x="641129" y="1105110"/>
                  <a:pt x="641129" y="1139771"/>
                </a:cubicBezTo>
                <a:cubicBezTo>
                  <a:pt x="641129" y="1173413"/>
                  <a:pt x="669674" y="1201957"/>
                  <a:pt x="703316" y="1201957"/>
                </a:cubicBezTo>
                <a:cubicBezTo>
                  <a:pt x="736957" y="1201957"/>
                  <a:pt x="766521" y="1173413"/>
                  <a:pt x="766521" y="1139771"/>
                </a:cubicBezTo>
                <a:cubicBezTo>
                  <a:pt x="766521" y="1105110"/>
                  <a:pt x="736957" y="1076565"/>
                  <a:pt x="703316" y="1076565"/>
                </a:cubicBezTo>
                <a:close/>
                <a:moveTo>
                  <a:pt x="368473" y="1076565"/>
                </a:moveTo>
                <a:cubicBezTo>
                  <a:pt x="332762" y="1076565"/>
                  <a:pt x="303173" y="1105110"/>
                  <a:pt x="303173" y="1139771"/>
                </a:cubicBezTo>
                <a:cubicBezTo>
                  <a:pt x="303173" y="1173413"/>
                  <a:pt x="332762" y="1201957"/>
                  <a:pt x="368473" y="1201957"/>
                </a:cubicBezTo>
                <a:cubicBezTo>
                  <a:pt x="401123" y="1201957"/>
                  <a:pt x="430712" y="1173413"/>
                  <a:pt x="430712" y="1139771"/>
                </a:cubicBezTo>
                <a:cubicBezTo>
                  <a:pt x="430712" y="1105110"/>
                  <a:pt x="401123" y="1076565"/>
                  <a:pt x="368473" y="1076565"/>
                </a:cubicBezTo>
                <a:close/>
                <a:moveTo>
                  <a:pt x="115568" y="1076565"/>
                </a:moveTo>
                <a:cubicBezTo>
                  <a:pt x="81854" y="1076565"/>
                  <a:pt x="53249" y="1105110"/>
                  <a:pt x="53249" y="1139771"/>
                </a:cubicBezTo>
                <a:cubicBezTo>
                  <a:pt x="53249" y="1173413"/>
                  <a:pt x="81854" y="1201957"/>
                  <a:pt x="115568" y="1201957"/>
                </a:cubicBezTo>
                <a:cubicBezTo>
                  <a:pt x="151324" y="1201957"/>
                  <a:pt x="179929" y="1173413"/>
                  <a:pt x="179929" y="1139771"/>
                </a:cubicBezTo>
                <a:cubicBezTo>
                  <a:pt x="179929" y="1105110"/>
                  <a:pt x="151324" y="1076565"/>
                  <a:pt x="115568" y="1076565"/>
                </a:cubicBezTo>
                <a:close/>
                <a:moveTo>
                  <a:pt x="512302" y="1029328"/>
                </a:moveTo>
                <a:lnTo>
                  <a:pt x="565551" y="1029328"/>
                </a:lnTo>
                <a:lnTo>
                  <a:pt x="565551" y="1247905"/>
                </a:lnTo>
                <a:lnTo>
                  <a:pt x="512302" y="1247905"/>
                </a:lnTo>
                <a:close/>
                <a:moveTo>
                  <a:pt x="1186657" y="1026322"/>
                </a:moveTo>
                <a:cubicBezTo>
                  <a:pt x="1240740" y="1026322"/>
                  <a:pt x="1275435" y="1055941"/>
                  <a:pt x="1279516" y="1097815"/>
                </a:cubicBezTo>
                <a:cubicBezTo>
                  <a:pt x="1279516" y="1097815"/>
                  <a:pt x="1279516" y="1097815"/>
                  <a:pt x="1224413" y="1097815"/>
                </a:cubicBezTo>
                <a:cubicBezTo>
                  <a:pt x="1223393" y="1086581"/>
                  <a:pt x="1222372" y="1068197"/>
                  <a:pt x="1188698" y="1068197"/>
                </a:cubicBezTo>
                <a:cubicBezTo>
                  <a:pt x="1167269" y="1068197"/>
                  <a:pt x="1152983" y="1072282"/>
                  <a:pt x="1150942" y="1087602"/>
                </a:cubicBezTo>
                <a:cubicBezTo>
                  <a:pt x="1150942" y="1110071"/>
                  <a:pt x="1196861" y="1109050"/>
                  <a:pt x="1232576" y="1118242"/>
                </a:cubicBezTo>
                <a:cubicBezTo>
                  <a:pt x="1266251" y="1127434"/>
                  <a:pt x="1288700" y="1147861"/>
                  <a:pt x="1288700" y="1177479"/>
                </a:cubicBezTo>
                <a:cubicBezTo>
                  <a:pt x="1288700" y="1231610"/>
                  <a:pt x="1243801" y="1253058"/>
                  <a:pt x="1189718" y="1253058"/>
                </a:cubicBezTo>
                <a:cubicBezTo>
                  <a:pt x="1129513" y="1253058"/>
                  <a:pt x="1091757" y="1222418"/>
                  <a:pt x="1090736" y="1177479"/>
                </a:cubicBezTo>
                <a:cubicBezTo>
                  <a:pt x="1090736" y="1177479"/>
                  <a:pt x="1090736" y="1177479"/>
                  <a:pt x="1147880" y="1177479"/>
                </a:cubicBezTo>
                <a:cubicBezTo>
                  <a:pt x="1147880" y="1191778"/>
                  <a:pt x="1156044" y="1212205"/>
                  <a:pt x="1192780" y="1212205"/>
                </a:cubicBezTo>
                <a:cubicBezTo>
                  <a:pt x="1218290" y="1212205"/>
                  <a:pt x="1229515" y="1197906"/>
                  <a:pt x="1229515" y="1186671"/>
                </a:cubicBezTo>
                <a:cubicBezTo>
                  <a:pt x="1228495" y="1170330"/>
                  <a:pt x="1207066" y="1167266"/>
                  <a:pt x="1182575" y="1165223"/>
                </a:cubicBezTo>
                <a:cubicBezTo>
                  <a:pt x="1160126" y="1161138"/>
                  <a:pt x="1140737" y="1156031"/>
                  <a:pt x="1126451" y="1149903"/>
                </a:cubicBezTo>
                <a:cubicBezTo>
                  <a:pt x="1107063" y="1139690"/>
                  <a:pt x="1095838" y="1119263"/>
                  <a:pt x="1095838" y="1096794"/>
                </a:cubicBezTo>
                <a:cubicBezTo>
                  <a:pt x="1095838" y="1056962"/>
                  <a:pt x="1129513" y="1026322"/>
                  <a:pt x="1186657" y="1026322"/>
                </a:cubicBezTo>
                <a:close/>
                <a:moveTo>
                  <a:pt x="952138" y="1026322"/>
                </a:moveTo>
                <a:cubicBezTo>
                  <a:pt x="976637" y="1026322"/>
                  <a:pt x="998075" y="1032450"/>
                  <a:pt x="1015429" y="1045727"/>
                </a:cubicBezTo>
                <a:cubicBezTo>
                  <a:pt x="1015429" y="1029386"/>
                  <a:pt x="1015429" y="1029386"/>
                  <a:pt x="1015429" y="1029386"/>
                </a:cubicBezTo>
                <a:cubicBezTo>
                  <a:pt x="1070553" y="1029386"/>
                  <a:pt x="1070553" y="1029386"/>
                  <a:pt x="1070553" y="1029386"/>
                </a:cubicBezTo>
                <a:cubicBezTo>
                  <a:pt x="1070553" y="1247951"/>
                  <a:pt x="1070553" y="1247951"/>
                  <a:pt x="1070553" y="1247951"/>
                </a:cubicBezTo>
                <a:cubicBezTo>
                  <a:pt x="1015429" y="1247951"/>
                  <a:pt x="1015429" y="1247951"/>
                  <a:pt x="1015429" y="1247951"/>
                </a:cubicBezTo>
                <a:cubicBezTo>
                  <a:pt x="1015429" y="1233653"/>
                  <a:pt x="1015429" y="1233653"/>
                  <a:pt x="1015429" y="1233653"/>
                </a:cubicBezTo>
                <a:cubicBezTo>
                  <a:pt x="998075" y="1245909"/>
                  <a:pt x="976637" y="1253058"/>
                  <a:pt x="952138" y="1253058"/>
                </a:cubicBezTo>
                <a:cubicBezTo>
                  <a:pt x="889867" y="1253058"/>
                  <a:pt x="837805" y="1201991"/>
                  <a:pt x="837805" y="1139690"/>
                </a:cubicBezTo>
                <a:cubicBezTo>
                  <a:pt x="837805" y="1076367"/>
                  <a:pt x="889867" y="1026322"/>
                  <a:pt x="952138" y="1026322"/>
                </a:cubicBezTo>
                <a:close/>
                <a:moveTo>
                  <a:pt x="113441" y="1026322"/>
                </a:moveTo>
                <a:cubicBezTo>
                  <a:pt x="137969" y="1026322"/>
                  <a:pt x="161475" y="1032450"/>
                  <a:pt x="179871" y="1045727"/>
                </a:cubicBezTo>
                <a:cubicBezTo>
                  <a:pt x="179871" y="1029386"/>
                  <a:pt x="179871" y="1029386"/>
                  <a:pt x="179871" y="1029386"/>
                </a:cubicBezTo>
                <a:cubicBezTo>
                  <a:pt x="234036" y="1029386"/>
                  <a:pt x="234036" y="1029386"/>
                  <a:pt x="234036" y="1029386"/>
                </a:cubicBezTo>
                <a:cubicBezTo>
                  <a:pt x="234036" y="1247951"/>
                  <a:pt x="234036" y="1247951"/>
                  <a:pt x="234036" y="1247951"/>
                </a:cubicBezTo>
                <a:cubicBezTo>
                  <a:pt x="179871" y="1247951"/>
                  <a:pt x="179871" y="1247951"/>
                  <a:pt x="179871" y="1247951"/>
                </a:cubicBezTo>
                <a:cubicBezTo>
                  <a:pt x="179871" y="1233653"/>
                  <a:pt x="179871" y="1233653"/>
                  <a:pt x="179871" y="1233653"/>
                </a:cubicBezTo>
                <a:cubicBezTo>
                  <a:pt x="161475" y="1245909"/>
                  <a:pt x="138991" y="1253058"/>
                  <a:pt x="113441" y="1253058"/>
                </a:cubicBezTo>
                <a:cubicBezTo>
                  <a:pt x="51100" y="1253058"/>
                  <a:pt x="0" y="1201991"/>
                  <a:pt x="0" y="1139690"/>
                </a:cubicBezTo>
                <a:cubicBezTo>
                  <a:pt x="0" y="1076367"/>
                  <a:pt x="51100" y="1026322"/>
                  <a:pt x="113441" y="1026322"/>
                </a:cubicBezTo>
                <a:close/>
                <a:moveTo>
                  <a:pt x="766282" y="954179"/>
                </a:moveTo>
                <a:cubicBezTo>
                  <a:pt x="819340" y="954179"/>
                  <a:pt x="819340" y="954179"/>
                  <a:pt x="819340" y="954179"/>
                </a:cubicBezTo>
                <a:cubicBezTo>
                  <a:pt x="819340" y="1247958"/>
                  <a:pt x="819340" y="1247958"/>
                  <a:pt x="819340" y="1247958"/>
                </a:cubicBezTo>
                <a:cubicBezTo>
                  <a:pt x="766282" y="1247958"/>
                  <a:pt x="766282" y="1247958"/>
                  <a:pt x="766282" y="1247958"/>
                </a:cubicBezTo>
                <a:cubicBezTo>
                  <a:pt x="766282" y="1233677"/>
                  <a:pt x="766282" y="1233677"/>
                  <a:pt x="766282" y="1233677"/>
                </a:cubicBezTo>
                <a:cubicBezTo>
                  <a:pt x="748936" y="1245918"/>
                  <a:pt x="725468" y="1253058"/>
                  <a:pt x="702000" y="1253058"/>
                </a:cubicBezTo>
                <a:cubicBezTo>
                  <a:pt x="638738" y="1253058"/>
                  <a:pt x="588740" y="1202055"/>
                  <a:pt x="588740" y="1139831"/>
                </a:cubicBezTo>
                <a:cubicBezTo>
                  <a:pt x="588740" y="1076587"/>
                  <a:pt x="638738" y="1026604"/>
                  <a:pt x="702000" y="1026604"/>
                </a:cubicBezTo>
                <a:cubicBezTo>
                  <a:pt x="725468" y="1026604"/>
                  <a:pt x="746895" y="1032724"/>
                  <a:pt x="766282" y="1045985"/>
                </a:cubicBezTo>
                <a:cubicBezTo>
                  <a:pt x="766282" y="954179"/>
                  <a:pt x="766282" y="954179"/>
                  <a:pt x="766282" y="954179"/>
                </a:cubicBezTo>
                <a:close/>
                <a:moveTo>
                  <a:pt x="512302" y="954179"/>
                </a:moveTo>
                <a:lnTo>
                  <a:pt x="565551" y="954179"/>
                </a:lnTo>
                <a:lnTo>
                  <a:pt x="565551" y="1009145"/>
                </a:lnTo>
                <a:lnTo>
                  <a:pt x="512302" y="1009145"/>
                </a:lnTo>
                <a:close/>
                <a:moveTo>
                  <a:pt x="430753" y="954179"/>
                </a:moveTo>
                <a:cubicBezTo>
                  <a:pt x="484819" y="954179"/>
                  <a:pt x="484819" y="954179"/>
                  <a:pt x="484819" y="954179"/>
                </a:cubicBezTo>
                <a:cubicBezTo>
                  <a:pt x="484819" y="1247958"/>
                  <a:pt x="484819" y="1247958"/>
                  <a:pt x="484819" y="1247958"/>
                </a:cubicBezTo>
                <a:cubicBezTo>
                  <a:pt x="430753" y="1247958"/>
                  <a:pt x="430753" y="1247958"/>
                  <a:pt x="430753" y="1247958"/>
                </a:cubicBezTo>
                <a:cubicBezTo>
                  <a:pt x="430753" y="1233677"/>
                  <a:pt x="430753" y="1233677"/>
                  <a:pt x="430753" y="1233677"/>
                </a:cubicBezTo>
                <a:cubicBezTo>
                  <a:pt x="411371" y="1245918"/>
                  <a:pt x="389949" y="1253058"/>
                  <a:pt x="365466" y="1253058"/>
                </a:cubicBezTo>
                <a:cubicBezTo>
                  <a:pt x="303239" y="1253058"/>
                  <a:pt x="251213" y="1202055"/>
                  <a:pt x="251213" y="1139831"/>
                </a:cubicBezTo>
                <a:cubicBezTo>
                  <a:pt x="251213" y="1076587"/>
                  <a:pt x="303239" y="1026604"/>
                  <a:pt x="365466" y="1026604"/>
                </a:cubicBezTo>
                <a:cubicBezTo>
                  <a:pt x="389949" y="1026604"/>
                  <a:pt x="411371" y="1032724"/>
                  <a:pt x="430753" y="1045985"/>
                </a:cubicBezTo>
                <a:cubicBezTo>
                  <a:pt x="430753" y="954179"/>
                  <a:pt x="430753" y="954179"/>
                  <a:pt x="430753" y="954179"/>
                </a:cubicBezTo>
                <a:close/>
                <a:moveTo>
                  <a:pt x="743767" y="779403"/>
                </a:moveTo>
                <a:cubicBezTo>
                  <a:pt x="743767" y="779403"/>
                  <a:pt x="743767" y="779403"/>
                  <a:pt x="1000985" y="779403"/>
                </a:cubicBezTo>
                <a:cubicBezTo>
                  <a:pt x="910142" y="846884"/>
                  <a:pt x="811134" y="881647"/>
                  <a:pt x="735601" y="886759"/>
                </a:cubicBezTo>
                <a:cubicBezTo>
                  <a:pt x="735601" y="859153"/>
                  <a:pt x="735601" y="820301"/>
                  <a:pt x="743767" y="779403"/>
                </a:cubicBezTo>
                <a:close/>
                <a:moveTo>
                  <a:pt x="566409" y="779403"/>
                </a:moveTo>
                <a:cubicBezTo>
                  <a:pt x="566409" y="779403"/>
                  <a:pt x="566409" y="779403"/>
                  <a:pt x="728731" y="779403"/>
                </a:cubicBezTo>
                <a:cubicBezTo>
                  <a:pt x="703209" y="828358"/>
                  <a:pt x="674624" y="866093"/>
                  <a:pt x="648081" y="893630"/>
                </a:cubicBezTo>
                <a:cubicBezTo>
                  <a:pt x="618475" y="866093"/>
                  <a:pt x="593973" y="828358"/>
                  <a:pt x="566409" y="779403"/>
                </a:cubicBezTo>
                <a:close/>
                <a:moveTo>
                  <a:pt x="294154" y="779403"/>
                </a:moveTo>
                <a:cubicBezTo>
                  <a:pt x="294154" y="779403"/>
                  <a:pt x="294154" y="779403"/>
                  <a:pt x="554013" y="779403"/>
                </a:cubicBezTo>
                <a:cubicBezTo>
                  <a:pt x="559108" y="820301"/>
                  <a:pt x="559108" y="859153"/>
                  <a:pt x="558089" y="886759"/>
                </a:cubicBezTo>
                <a:cubicBezTo>
                  <a:pt x="484717" y="881647"/>
                  <a:pt x="385869" y="846884"/>
                  <a:pt x="294154" y="779403"/>
                </a:cubicBezTo>
                <a:close/>
                <a:moveTo>
                  <a:pt x="178639" y="685788"/>
                </a:moveTo>
                <a:cubicBezTo>
                  <a:pt x="178639" y="685788"/>
                  <a:pt x="178639" y="685788"/>
                  <a:pt x="1116500" y="685788"/>
                </a:cubicBezTo>
                <a:cubicBezTo>
                  <a:pt x="1104254" y="703146"/>
                  <a:pt x="1084864" y="720504"/>
                  <a:pt x="1064454" y="731736"/>
                </a:cubicBezTo>
                <a:cubicBezTo>
                  <a:pt x="1064454" y="731736"/>
                  <a:pt x="1064454" y="731736"/>
                  <a:pt x="226603" y="731736"/>
                </a:cubicBezTo>
                <a:cubicBezTo>
                  <a:pt x="210275" y="720504"/>
                  <a:pt x="193947" y="703146"/>
                  <a:pt x="178639" y="685788"/>
                </a:cubicBezTo>
                <a:close/>
                <a:moveTo>
                  <a:pt x="103061" y="583586"/>
                </a:moveTo>
                <a:cubicBezTo>
                  <a:pt x="1192938" y="583586"/>
                  <a:pt x="1192938" y="583586"/>
                  <a:pt x="1192938" y="583586"/>
                </a:cubicBezTo>
                <a:cubicBezTo>
                  <a:pt x="1184774" y="598967"/>
                  <a:pt x="1171508" y="620499"/>
                  <a:pt x="1158242" y="633829"/>
                </a:cubicBezTo>
                <a:cubicBezTo>
                  <a:pt x="136737" y="633829"/>
                  <a:pt x="136737" y="633829"/>
                  <a:pt x="136737" y="633829"/>
                </a:cubicBezTo>
                <a:cubicBezTo>
                  <a:pt x="128573" y="623575"/>
                  <a:pt x="111225" y="599992"/>
                  <a:pt x="103061" y="583586"/>
                </a:cubicBezTo>
                <a:close/>
                <a:moveTo>
                  <a:pt x="1287839" y="249924"/>
                </a:moveTo>
                <a:cubicBezTo>
                  <a:pt x="1295999" y="333680"/>
                  <a:pt x="1269479" y="433779"/>
                  <a:pt x="1218479" y="535920"/>
                </a:cubicBezTo>
                <a:cubicBezTo>
                  <a:pt x="1218479" y="535920"/>
                  <a:pt x="1218479" y="535920"/>
                  <a:pt x="842098" y="535920"/>
                </a:cubicBezTo>
                <a:cubicBezTo>
                  <a:pt x="855358" y="511406"/>
                  <a:pt x="873718" y="488935"/>
                  <a:pt x="894118" y="465443"/>
                </a:cubicBezTo>
                <a:cubicBezTo>
                  <a:pt x="1003259" y="336744"/>
                  <a:pt x="1171559" y="258095"/>
                  <a:pt x="1287839" y="249924"/>
                </a:cubicBezTo>
                <a:close/>
                <a:moveTo>
                  <a:pt x="9286" y="249924"/>
                </a:moveTo>
                <a:cubicBezTo>
                  <a:pt x="125566" y="258095"/>
                  <a:pt x="293866" y="336744"/>
                  <a:pt x="404027" y="465443"/>
                </a:cubicBezTo>
                <a:cubicBezTo>
                  <a:pt x="422387" y="488935"/>
                  <a:pt x="441767" y="511406"/>
                  <a:pt x="456047" y="535920"/>
                </a:cubicBezTo>
                <a:cubicBezTo>
                  <a:pt x="456047" y="535920"/>
                  <a:pt x="456047" y="535920"/>
                  <a:pt x="77626" y="535920"/>
                </a:cubicBezTo>
                <a:cubicBezTo>
                  <a:pt x="27646" y="433779"/>
                  <a:pt x="2146" y="333680"/>
                  <a:pt x="9286" y="249924"/>
                </a:cubicBezTo>
                <a:close/>
                <a:moveTo>
                  <a:pt x="647919" y="0"/>
                </a:moveTo>
                <a:cubicBezTo>
                  <a:pt x="735699" y="82685"/>
                  <a:pt x="816334" y="267450"/>
                  <a:pt x="816334" y="445070"/>
                </a:cubicBezTo>
                <a:cubicBezTo>
                  <a:pt x="816334" y="478756"/>
                  <a:pt x="813272" y="506318"/>
                  <a:pt x="811231" y="535921"/>
                </a:cubicBezTo>
                <a:cubicBezTo>
                  <a:pt x="811231" y="535921"/>
                  <a:pt x="811231" y="535921"/>
                  <a:pt x="484608" y="535921"/>
                </a:cubicBezTo>
                <a:cubicBezTo>
                  <a:pt x="480525" y="506318"/>
                  <a:pt x="480525" y="478756"/>
                  <a:pt x="480525" y="445070"/>
                </a:cubicBezTo>
                <a:cubicBezTo>
                  <a:pt x="480525" y="267450"/>
                  <a:pt x="559119" y="82685"/>
                  <a:pt x="647919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500" b="0" cap="none" baseline="0">
                <a:solidFill>
                  <a:schemeClr val="tx1">
                    <a:alpha val="0"/>
                  </a:schemeClr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76EBA342-E150-45B4-A1B7-02B63FD1F6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601" y="864195"/>
            <a:ext cx="4895850" cy="2015930"/>
          </a:xfrm>
        </p:spPr>
        <p:txBody>
          <a:bodyPr tIns="0" bIns="144000" anchor="b"/>
          <a:lstStyle>
            <a:lvl1pPr>
              <a:lnSpc>
                <a:spcPct val="75000"/>
              </a:lnSpc>
              <a:defRPr sz="4800" b="1" i="0" spc="20" baseline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7pPr>
            <a:lvl8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Title of your presentation</a:t>
            </a:r>
            <a:endParaRPr lang="en-US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4A67DA-B0E5-465A-9E54-5F95AD793832}"/>
              </a:ext>
            </a:extLst>
          </p:cNvPr>
          <p:cNvSpPr>
            <a:spLocks noGrp="1"/>
          </p:cNvSpPr>
          <p:nvPr>
            <p:ph type="subTitle" idx="1"/>
          </p:nvPr>
        </p:nvSpPr>
        <p:spPr bwMode="gray">
          <a:xfrm>
            <a:off x="863601" y="2880125"/>
            <a:ext cx="3168118" cy="576262"/>
          </a:xfrm>
        </p:spPr>
        <p:txBody>
          <a:bodyPr tIns="0" anchor="t" anchorCtr="0"/>
          <a:lstStyle>
            <a:lvl1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i="0" cap="all" spc="20" baseline="0">
                <a:solidFill>
                  <a:schemeClr val="bg1"/>
                </a:solidFill>
                <a:latin typeface="+mj-lt"/>
                <a:cs typeface="AdihausDIN" panose="020B0504020101020102" pitchFamily="34" charset="0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dihausDIN" panose="020B0604020202020204" pitchFamily="34" charset="0"/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4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/>
              <a:t>Click to edit Master subtitle style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20847551"/>
      </p:ext>
    </p:extLst>
  </p:cSld>
  <p:clrMapOvr>
    <a:masterClrMapping/>
  </p:clrMapOvr>
  <p:transition>
    <p:fade/>
  </p:transition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gray">
          <a:xfrm>
            <a:off x="863720" y="864387"/>
            <a:ext cx="1152016" cy="576000"/>
          </a:xfrm>
        </p:spPr>
        <p:txBody>
          <a:bodyPr lIns="0" anchor="t"/>
          <a:lstStyle>
            <a:lvl1pPr algn="l">
              <a:lnSpc>
                <a:spcPct val="75000"/>
              </a:lnSpc>
              <a:defRPr sz="1800" b="1" i="0" cap="all" spc="20" baseline="0">
                <a:solidFill>
                  <a:schemeClr val="tx1"/>
                </a:solidFill>
                <a:latin typeface="+mj-lt"/>
              </a:defRPr>
            </a:lvl1pPr>
            <a:lvl2pPr>
              <a:lnSpc>
                <a:spcPct val="75000"/>
              </a:lnSpc>
              <a:defRPr b="1" spc="20" baseline="0">
                <a:latin typeface="+mj-lt"/>
              </a:defRPr>
            </a:lvl2pPr>
            <a:lvl3pPr>
              <a:lnSpc>
                <a:spcPct val="75000"/>
              </a:lnSpc>
              <a:defRPr b="1" spc="20" baseline="0">
                <a:latin typeface="+mj-lt"/>
              </a:defRPr>
            </a:lvl3pPr>
            <a:lvl4pPr>
              <a:lnSpc>
                <a:spcPct val="75000"/>
              </a:lnSpc>
              <a:defRPr b="1" spc="20" baseline="0">
                <a:latin typeface="+mj-lt"/>
              </a:defRPr>
            </a:lvl4pPr>
            <a:lvl5pPr>
              <a:lnSpc>
                <a:spcPct val="75000"/>
              </a:lnSpc>
              <a:defRPr b="1" spc="20" baseline="0">
                <a:latin typeface="+mj-lt"/>
              </a:defRPr>
            </a:lvl5pPr>
            <a:lvl6pPr>
              <a:lnSpc>
                <a:spcPct val="75000"/>
              </a:lnSpc>
              <a:defRPr b="1" spc="20" baseline="0"/>
            </a:lvl6pPr>
            <a:lvl7pPr>
              <a:lnSpc>
                <a:spcPct val="75000"/>
              </a:lnSpc>
              <a:defRPr b="1" spc="20" baseline="0"/>
            </a:lvl7pPr>
            <a:lvl8pPr>
              <a:lnSpc>
                <a:spcPct val="75000"/>
              </a:lnSpc>
              <a:defRPr b="1" spc="20" baseline="0"/>
            </a:lvl8pPr>
            <a:lvl9pPr algn="l">
              <a:lnSpc>
                <a:spcPct val="75000"/>
              </a:lnSpc>
              <a:defRPr b="1" spc="20" baseline="0"/>
            </a:lvl9pPr>
          </a:lstStyle>
          <a:p>
            <a:pPr lvl="0"/>
            <a:r>
              <a:rPr lang="en-US" noProof="0" dirty="0"/>
              <a:t>Content</a:t>
            </a:r>
            <a:endParaRPr lang="en-US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0" hasCustomPrompt="1"/>
          </p:nvPr>
        </p:nvSpPr>
        <p:spPr bwMode="gray">
          <a:xfrm>
            <a:off x="2303734" y="864388"/>
            <a:ext cx="6047985" cy="3456000"/>
          </a:xfrm>
        </p:spPr>
        <p:txBody>
          <a:bodyPr anchor="t" anchorCtr="0">
            <a:normAutofit/>
          </a:bodyPr>
          <a:lstStyle>
            <a:lvl1pPr marL="288000" indent="-288000" algn="l">
              <a:lnSpc>
                <a:spcPct val="75000"/>
              </a:lnSpc>
              <a:spcBef>
                <a:spcPts val="1200"/>
              </a:spcBef>
              <a:spcAft>
                <a:spcPts val="0"/>
              </a:spcAft>
              <a:buClrTx/>
              <a:buSzPct val="100000"/>
              <a:buFont typeface="+mj-lt"/>
              <a:buAutoNum type="arabicPeriod"/>
              <a:defRPr sz="2800" b="1" i="0" cap="all" spc="20" baseline="0">
                <a:solidFill>
                  <a:schemeClr val="tx1"/>
                </a:solidFill>
                <a:latin typeface="+mj-lt"/>
              </a:defRPr>
            </a:lvl1pPr>
            <a:lvl2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normalizeH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2pPr>
            <a:lvl3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3pPr>
            <a:lvl4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4pPr>
            <a:lvl5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Pct val="90000"/>
              <a:buFont typeface="+mj-lt"/>
              <a:buNone/>
              <a:defRPr sz="1200" b="0" i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5pPr>
            <a:lvl6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6pPr>
            <a:lvl7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7pPr>
            <a:lvl8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8pPr>
            <a:lvl9pPr marL="28800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Font typeface="+mj-lt"/>
              <a:buNone/>
              <a:defRPr sz="1200" b="0" cap="none" spc="0" baseline="0">
                <a:solidFill>
                  <a:schemeClr val="tx1"/>
                </a:solidFill>
                <a:latin typeface="+mn-lt"/>
                <a:cs typeface="AdihausDIN" panose="020B0504020101020102" pitchFamily="34" charset="0"/>
              </a:defRPr>
            </a:lvl9pPr>
          </a:lstStyle>
          <a:p>
            <a:pPr lvl="0"/>
            <a:r>
              <a:rPr lang="en-US" noProof="0" dirty="0"/>
              <a:t>ADD an AGENDA POINT HERE</a:t>
            </a:r>
            <a:endParaRPr lang="en-US"/>
          </a:p>
          <a:p>
            <a:pPr lvl="1"/>
            <a:r>
              <a:rPr lang="en-US" noProof="0" dirty="0"/>
              <a:t>Speaker, time or additional information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6DAEFB2-DCCD-4136-9272-588838BFA055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C199A99-0A27-4ABE-A93C-26DD139CF6F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B0AD181-9CB9-45A2-AEC3-7708B57344D1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065CC93-1CF1-471C-BB01-D88B01D4309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8286731"/>
      </p:ext>
    </p:extLst>
  </p:cSld>
  <p:clrMapOvr>
    <a:masterClrMapping/>
  </p:clrMapOvr>
  <p:transition>
    <p:fade/>
  </p:transition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C3C6BED9-745A-4437-B862-97F8C930B30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 bwMode="gray">
          <a:xfrm>
            <a:off x="71215" y="72108"/>
            <a:ext cx="9073008" cy="5040560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accent3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el 2"/>
          <p:cNvSpPr>
            <a:spLocks noGrp="1"/>
          </p:cNvSpPr>
          <p:nvPr>
            <p:ph type="title" hasCustomPrompt="1"/>
          </p:nvPr>
        </p:nvSpPr>
        <p:spPr bwMode="gray">
          <a:xfrm>
            <a:off x="863303" y="1151793"/>
            <a:ext cx="4896519" cy="2304690"/>
          </a:xfrm>
        </p:spPr>
        <p:txBody>
          <a:bodyPr/>
          <a:lstStyle>
            <a:lvl1pPr algn="l">
              <a:lnSpc>
                <a:spcPct val="75000"/>
              </a:lnSpc>
              <a:defRPr sz="4800" b="1" i="0">
                <a:solidFill>
                  <a:schemeClr val="bg1"/>
                </a:solidFill>
                <a:latin typeface="+mj-lt"/>
              </a:defRPr>
            </a:lvl1pPr>
            <a:lvl2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2pPr>
            <a:lvl3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3pPr>
            <a:lvl4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4pPr>
            <a:lvl5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5pPr>
            <a:lvl6pPr>
              <a:lnSpc>
                <a:spcPct val="75000"/>
              </a:lnSpc>
              <a:defRPr sz="4800" b="1" spc="20" baseline="0">
                <a:solidFill>
                  <a:schemeClr val="bg1"/>
                </a:solidFill>
                <a:latin typeface="+mj-lt"/>
              </a:defRPr>
            </a:lvl6pPr>
            <a:lvl7pPr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7pPr>
            <a:lvl8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8pPr>
            <a:lvl9pPr algn="l">
              <a:lnSpc>
                <a:spcPct val="75000"/>
              </a:lnSpc>
              <a:defRPr sz="4800" b="1" spc="20" baseline="0"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This is a divider page. Fill this textbox </a:t>
            </a:r>
            <a:br>
              <a:rPr lang="en-US" dirty="0"/>
            </a:br>
            <a:r>
              <a:rPr lang="en-US" dirty="0"/>
              <a:t>with the name of the chapter.</a:t>
            </a:r>
            <a:endParaRPr lang="en-US"/>
          </a:p>
        </p:txBody>
      </p:sp>
      <p:sp>
        <p:nvSpPr>
          <p:cNvPr id="8" name="Text Placeholder 3"/>
          <p:cNvSpPr>
            <a:spLocks noGrp="1"/>
          </p:cNvSpPr>
          <p:nvPr>
            <p:ph type="body" sz="quarter" idx="18" hasCustomPrompt="1"/>
          </p:nvPr>
        </p:nvSpPr>
        <p:spPr bwMode="gray">
          <a:xfrm>
            <a:off x="863833" y="864195"/>
            <a:ext cx="2591990" cy="287336"/>
          </a:xfrm>
        </p:spPr>
        <p:txBody>
          <a:bodyPr anchor="t"/>
          <a:lstStyle>
            <a:lvl1pPr marL="0" indent="0" algn="l">
              <a:lnSpc>
                <a:spcPct val="75000"/>
              </a:lnSpc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1pPr>
            <a:lvl2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2pPr>
            <a:lvl3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3pPr>
            <a:lvl4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4pPr>
            <a:lvl5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5pPr>
            <a:lvl6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baseline="0">
                <a:solidFill>
                  <a:schemeClr val="bg1"/>
                </a:solidFill>
                <a:latin typeface="+mj-lt"/>
              </a:defRPr>
            </a:lvl6pPr>
            <a:lvl7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7pPr>
            <a:lvl8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8pPr>
            <a:lvl9pPr marL="0" indent="0" algn="l">
              <a:lnSpc>
                <a:spcPct val="7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 spc="20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/>
              <a:t>Chapter ##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7951266"/>
      </p:ext>
    </p:extLst>
  </p:cSld>
  <p:clrMapOvr>
    <a:masterClrMapping/>
  </p:clrMapOvr>
  <p:transition>
    <p:fade/>
  </p:transition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CCCEE-BB18-471D-B0A7-7E46E3084CD1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>
            <a:lvl1pPr>
              <a:defRPr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8BE99E7-3046-4107-A593-19BA37D0AE6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CAE2D6-B5EF-4F25-B3BE-F859CCD73E50}"/>
              </a:ext>
            </a:extLst>
          </p:cNvPr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F68056EF-5163-451E-9FA5-8EFF24552B9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E6FB8C4-B84D-4414-ABD9-4D96C25B8B7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Text Placeholder 15">
            <a:extLst>
              <a:ext uri="{FF2B5EF4-FFF2-40B4-BE49-F238E27FC236}">
                <a16:creationId xmlns:a16="http://schemas.microsoft.com/office/drawing/2014/main" id="{E837DF00-6E86-498E-B339-662636A3971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32489588"/>
      </p:ext>
    </p:extLst>
  </p:cSld>
  <p:clrMapOvr>
    <a:masterClrMapping/>
  </p:clrMapOvr>
  <p:transition>
    <p:fade/>
  </p:transition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287733" y="1152387"/>
            <a:ext cx="6047986" cy="3456126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B6CD1F-3B5B-4B59-A9F6-256DD84CEE6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C52B199-2206-4D3D-BC84-D1FA2CCF450E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AE08F70-E088-4F49-AAC1-B770CCB55B33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F2F4FF-1657-47A8-8899-25727D9E9201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9" name="Text Placeholder 15">
            <a:extLst>
              <a:ext uri="{FF2B5EF4-FFF2-40B4-BE49-F238E27FC236}">
                <a16:creationId xmlns:a16="http://schemas.microsoft.com/office/drawing/2014/main" id="{4623F181-7AAA-40D1-941D-32DC32669AF1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777518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43132508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9870638"/>
      </p:ext>
    </p:extLst>
  </p:cSld>
  <p:clrMapOvr>
    <a:masterClrMapping/>
  </p:clrMapOvr>
  <p:transition>
    <p:fade/>
  </p:transition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g Tit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ext Placeholder 15"/>
          <p:cNvSpPr>
            <a:spLocks noGrp="1"/>
          </p:cNvSpPr>
          <p:nvPr>
            <p:ph type="body" sz="quarter" idx="25"/>
          </p:nvPr>
        </p:nvSpPr>
        <p:spPr bwMode="gray">
          <a:xfrm>
            <a:off x="6047879" y="2016323"/>
            <a:ext cx="2013743" cy="2304852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CE06E7D-B6FA-45B6-BAC5-48D084D082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87734" y="288387"/>
            <a:ext cx="4895849" cy="4032249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This is a slide for typo only. You can use it for a big long key message or for a quote. Increase font size </a:t>
            </a:r>
            <a:br>
              <a:rPr lang="en-US" dirty="0"/>
            </a:br>
            <a:r>
              <a:rPr lang="en-US" dirty="0"/>
              <a:t>if necessary, </a:t>
            </a:r>
            <a:br>
              <a:rPr lang="en-US" dirty="0"/>
            </a:br>
            <a:r>
              <a:rPr lang="en-US" dirty="0"/>
              <a:t>don’t decrease it.</a:t>
            </a:r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5F191EB-D249-41BF-9D6B-80504B2736D8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9FB6C60-CD6F-4CF8-A760-16499423B78F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/>
          <a:p>
            <a:fld id="{F82A5650-7F85-4653-BC08-25B6AD6808F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70DF54-8C2C-40EF-B81E-43566D7FF43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95003478"/>
      </p:ext>
    </p:extLst>
  </p:cSld>
  <p:clrMapOvr>
    <a:masterClrMapping/>
  </p:clrMapOvr>
  <p:transition>
    <p:fade/>
  </p:transition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71700726"/>
      </p:ext>
    </p:extLst>
  </p:cSld>
  <p:clrMapOvr>
    <a:masterClrMapping/>
  </p:clrMapOvr>
  <p:transition>
    <p:fade/>
  </p:transition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622" y="288387"/>
            <a:ext cx="3456097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5472114" y="2592389"/>
            <a:ext cx="3455606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D766EDC9-03D1-4091-B158-5A202037D7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556352-B1B7-4996-95C4-C8CC0BAE332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92B0ED82-D447-4A1E-A388-7D7C5556CAA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AA4A238-EB94-4695-B096-A261F0D88447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3C94E3D7-F386-4B34-AB31-0E8D9F4ABF4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80200320"/>
      </p:ext>
    </p:extLst>
  </p:cSld>
  <p:clrMapOvr>
    <a:masterClrMapping/>
  </p:clrMapOvr>
  <p:transition>
    <p:fade/>
  </p:transition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5471814" y="288387"/>
            <a:ext cx="1728193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7200007" y="288387"/>
            <a:ext cx="1727712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5471814" y="2592389"/>
            <a:ext cx="1728193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7200007" y="2592388"/>
            <a:ext cx="1727712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4608017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35A2365-FCDD-467A-88B6-124DF709D9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5" y="288387"/>
            <a:ext cx="4608116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DCB82FC-8D1A-4104-9C4E-A21C40F9C5B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772864B-0FA2-4776-8A46-D219EB14FC62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9C5D8D5-3D06-4B24-AF6B-60DE540522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B444F0F1-83F3-46A2-B21B-6FAD549A6EDC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30511150"/>
      </p:ext>
    </p:extLst>
  </p:cSld>
  <p:clrMapOvr>
    <a:masterClrMapping/>
  </p:clrMapOvr>
  <p:transition>
    <p:fade/>
  </p:transition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588" y="288387"/>
            <a:ext cx="4608131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3455889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ACE61CAB-1CD3-40DC-9357-7B9E256CA5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2F49623-D6E8-4FD8-AAA6-48512F1833AF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352B4717-40DC-4DBA-9209-7C6229836929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EE9A4F-6859-49C5-BEE3-A08CC29FCE2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9C3F0764-86DD-4CAC-8532-ABAA551BB6DA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117395"/>
      </p:ext>
    </p:extLst>
  </p:cSld>
  <p:clrMapOvr>
    <a:masterClrMapping/>
  </p:clrMapOvr>
  <p:transition>
    <p:fade/>
  </p:transition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032" y="288387"/>
            <a:ext cx="4608688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889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4319687" y="2592389"/>
            <a:ext cx="4608033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3C7E6E0-F836-4EAB-8A75-37AAF7FDD0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D360260-EB3C-4A05-874E-6BB4FE9A35AA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C79D21A-3680-4D47-A7FC-4F731B13ECD1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E3356E6-58B4-4E8A-992C-DA8DBA4537F0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C377903C-2A71-494B-BCBB-A6A16110065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45915263"/>
      </p:ext>
    </p:extLst>
  </p:cSld>
  <p:clrMapOvr>
    <a:masterClrMapping/>
  </p:clrMapOvr>
  <p:transition>
    <p:fade/>
  </p:transition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M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319688" y="288387"/>
            <a:ext cx="2304256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623944" y="288387"/>
            <a:ext cx="2303775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4319687" y="2592389"/>
            <a:ext cx="2304256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623943" y="2592388"/>
            <a:ext cx="2303776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3455888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9FDA791-2B53-4DAE-A578-9975737355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889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585D6F7-F27C-4FF5-BB32-CFA80B2B0750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27864DBC-B528-4359-BF9F-EE09AE8EF07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ACAD67-F557-4ADE-81FD-4289E26802E5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3612D3A3-A05C-41B1-B6A6-4FBFCC892119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3455890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1075121"/>
      </p:ext>
    </p:extLst>
  </p:cSld>
  <p:clrMapOvr>
    <a:masterClrMapping/>
  </p:clrMapOvr>
  <p:transition>
    <p:fade/>
  </p:transition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3167734" y="288387"/>
            <a:ext cx="5759985" cy="4608002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2303761" cy="3456126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5237B40-96CE-407E-9B62-DBF5BCDCA0B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B79386-AA9E-4FAF-845D-D896116462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7249BBC-123A-4F76-94A8-07D94D51A1F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DF249A35-F4FA-4A95-9204-11809CF78FC0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385FF3D-D193-4372-9A64-46D5247451DD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DD649011-4EDF-4409-BCC4-CB4C98BD5DFE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29626617"/>
      </p:ext>
    </p:extLst>
  </p:cSld>
  <p:clrMapOvr>
    <a:masterClrMapping/>
  </p:clrMapOvr>
  <p:transition>
    <p:fade/>
  </p:transition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5760161" cy="230400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2303761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8379" y="2592389"/>
            <a:ext cx="5759342" cy="2304294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61A6E75-643E-46B3-B88A-A5C3C5966F93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42EB9E-80E4-4C1F-8DBE-3215D10AEE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9D6AFD-0772-4D1D-B3F6-1F9614A552EB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780FC9E-52C1-48ED-9D73-F1C6B74F907A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D66306D-D554-4D9E-8050-628205AE9E2A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3" name="Text Placeholder 15">
            <a:extLst>
              <a:ext uri="{FF2B5EF4-FFF2-40B4-BE49-F238E27FC236}">
                <a16:creationId xmlns:a16="http://schemas.microsoft.com/office/drawing/2014/main" id="{A7DC90D1-2D2C-43CB-8BF0-3291E40E36A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58580351"/>
      </p:ext>
    </p:extLst>
  </p:cSld>
  <p:clrMapOvr>
    <a:masterClrMapping/>
  </p:clrMapOvr>
  <p:transition>
    <p:fade/>
  </p:transition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 (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3167559" y="288387"/>
            <a:ext cx="2880320" cy="2304662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6047878" y="288387"/>
            <a:ext cx="2879841" cy="2304002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3167558" y="2592389"/>
            <a:ext cx="2880320" cy="2304294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6047878" y="2592388"/>
            <a:ext cx="2879841" cy="230505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5" y="1152387"/>
            <a:ext cx="2303760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BD2FC37-7699-4530-B64E-B5FF6758FD56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1A3DC29-C5DC-451B-84B7-2EE0A97331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2303761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5F9361-1CB1-42F1-BF5E-EDD74DDB25F9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74F145ED-EC4A-4E34-AB5C-9AF8FB6F8A58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ED9E945-C7AF-4078-A5FE-8AB8568F4B78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4" name="Text Placeholder 15">
            <a:extLst>
              <a:ext uri="{FF2B5EF4-FFF2-40B4-BE49-F238E27FC236}">
                <a16:creationId xmlns:a16="http://schemas.microsoft.com/office/drawing/2014/main" id="{CDCA51DB-5EE5-40E5-8EEA-61691FDE0EB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88426267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 (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5472113" y="288387"/>
            <a:ext cx="3455606" cy="4608296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8"/>
          </p:nvPr>
        </p:nvSpPr>
        <p:spPr bwMode="gray">
          <a:xfrm>
            <a:off x="287734" y="1152387"/>
            <a:ext cx="4608017" cy="3456258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44BAF595-D6B0-4115-BF0C-7AB35F6E2A3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421B617-5265-4D13-89ED-EF79F42F8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4608017" cy="288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CFE3F8-3917-4ACF-87DB-524464255882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fld id="{5BD5C447-7C47-47F3-84B9-60B0CD8F0AF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7956A2A-A273-4213-956D-A82C498BE45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2" name="Text Placeholder 15">
            <a:extLst>
              <a:ext uri="{FF2B5EF4-FFF2-40B4-BE49-F238E27FC236}">
                <a16:creationId xmlns:a16="http://schemas.microsoft.com/office/drawing/2014/main" id="{B22B632F-0E6C-41B5-A2ED-619CB5FC9183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3" y="592924"/>
            <a:ext cx="4608117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82883888"/>
      </p:ext>
    </p:extLst>
  </p:cSld>
  <p:clrMapOvr>
    <a:masterClrMapping/>
  </p:clrMapOvr>
  <p:transition>
    <p:fade/>
  </p:transition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319719" y="1"/>
            <a:ext cx="4895719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4895751" y="576264"/>
            <a:ext cx="2592388" cy="316865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9"/>
          </p:nvPr>
        </p:nvSpPr>
        <p:spPr bwMode="gray">
          <a:xfrm>
            <a:off x="287734" y="1152387"/>
            <a:ext cx="3455985" cy="3456000"/>
          </a:xfrm>
        </p:spPr>
        <p:txBody>
          <a:bodyPr/>
          <a:lstStyle>
            <a:lvl1pPr>
              <a:defRPr b="0"/>
            </a:lvl1pPr>
            <a:lvl2pPr>
              <a:defRPr b="0"/>
            </a:lvl2pPr>
            <a:lvl3pPr>
              <a:defRPr b="0"/>
            </a:lvl3pPr>
            <a:lvl4pPr>
              <a:defRPr b="0"/>
            </a:lvl4pPr>
            <a:lvl5pPr>
              <a:defRPr b="0"/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150DB46-6ADF-4AAA-AFF3-89A68F3489E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FA64B29-D9BD-4073-A9D2-216484A7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734" y="288387"/>
            <a:ext cx="3455985" cy="288000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2653277-2878-4A38-A7F9-B5CCD381941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1" name="Text Placeholder 15">
            <a:extLst>
              <a:ext uri="{FF2B5EF4-FFF2-40B4-BE49-F238E27FC236}">
                <a16:creationId xmlns:a16="http://schemas.microsoft.com/office/drawing/2014/main" id="{1D2BEBD5-F51C-4688-88AC-FFAF7BC818F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23030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34497011"/>
      </p:ext>
    </p:extLst>
  </p:cSld>
  <p:clrMapOvr>
    <a:masterClrMapping/>
  </p:clrMapOvr>
  <p:transition>
    <p:fade/>
  </p:transition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4895751" y="288387"/>
            <a:ext cx="4032349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24B1C9A-788D-4CFC-8317-79E132313D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5E2AB8A2-7F4C-4516-94E4-39422487270F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303" y="2879725"/>
            <a:ext cx="2304157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Title 19">
            <a:extLst>
              <a:ext uri="{FF2B5EF4-FFF2-40B4-BE49-F238E27FC236}">
                <a16:creationId xmlns:a16="http://schemas.microsoft.com/office/drawing/2014/main" id="{BC338D8D-474C-4D54-9AD6-37E614127D9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4" y="288387"/>
            <a:ext cx="3456383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C3981A-8D56-4030-B542-A89800A108E4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4638BF9-8DE7-4F4C-B7CE-5363CE864E1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31C44BC-0E99-4375-A74B-9998BD9CD45B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71851046"/>
      </p:ext>
    </p:extLst>
  </p:cSld>
  <p:clrMapOvr>
    <a:masterClrMapping/>
  </p:clrMapOvr>
  <p:transition>
    <p:fade/>
  </p:transition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Text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287239" y="288387"/>
            <a:ext cx="4030661" cy="4032788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2">
              <a:lumMod val="20000"/>
              <a:lumOff val="80000"/>
            </a:schemeClr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09F7262-9874-419F-BE73-49CBA2C232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2C29CA4E-694A-489A-87E6-41246D4F2FB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4895751" y="2879725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8" name="Title 19">
            <a:extLst>
              <a:ext uri="{FF2B5EF4-FFF2-40B4-BE49-F238E27FC236}">
                <a16:creationId xmlns:a16="http://schemas.microsoft.com/office/drawing/2014/main" id="{CDED2062-D0C2-4D1A-903A-A6327F90DD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4895751" y="288387"/>
            <a:ext cx="3744486" cy="2591338"/>
          </a:xfrm>
        </p:spPr>
        <p:txBody>
          <a:bodyPr bIns="144000" anchor="b"/>
          <a:lstStyle>
            <a:lvl1pPr>
              <a:lnSpc>
                <a:spcPct val="75000"/>
              </a:lnSpc>
              <a:defRPr sz="4800" baseline="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EDEC021-D508-4D59-B963-16B119DB9C6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2AC76921-5308-4372-BD87-E3324E71886E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7BCB0AF-6118-424F-9D62-0AA8A3CF231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50270626"/>
      </p:ext>
    </p:extLst>
  </p:cSld>
  <p:clrMapOvr>
    <a:masterClrMapping/>
  </p:clrMapOvr>
  <p:transition>
    <p:fade/>
  </p:transition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4032448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Title 4">
            <a:extLst>
              <a:ext uri="{FF2B5EF4-FFF2-40B4-BE49-F238E27FC236}">
                <a16:creationId xmlns:a16="http://schemas.microsoft.com/office/drawing/2014/main" id="{DDE36620-5EF8-4F63-A9D6-C97993345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3743623" y="1152227"/>
            <a:ext cx="4319289" cy="172819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three lines 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B307CB1-9C07-4C76-BE41-9A5C60C3739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01A575A7-94C9-44CB-8CA4-DB8DE080595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EBBFFDC-17E1-44A8-9284-A1A6702799E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3772507"/>
      </p:ext>
    </p:extLst>
  </p:cSld>
  <p:clrMapOvr>
    <a:masterClrMapping/>
  </p:clrMapOvr>
  <p:transition>
    <p:fade/>
  </p:transition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2"/>
          </p:nvPr>
        </p:nvSpPr>
        <p:spPr bwMode="gray">
          <a:xfrm>
            <a:off x="287239" y="576263"/>
            <a:ext cx="2880320" cy="3168252"/>
          </a:xfrm>
          <a:solidFill>
            <a:schemeClr val="bg2">
              <a:lumMod val="20000"/>
              <a:lumOff val="80000"/>
            </a:schemeClr>
          </a:solidFill>
        </p:spPr>
        <p:txBody>
          <a:bodyPr tIns="0"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EE2FF6B-3040-4FCE-B748-5610D5FA500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AB6537AA-A6B5-4595-AD40-B6605C22E2A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6623943" y="3168451"/>
            <a:ext cx="2015744" cy="144016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03E54861-3EA4-4688-A090-54FC7F40A6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2591495" y="1152227"/>
            <a:ext cx="3455953" cy="3168352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several lines. Even fill </a:t>
            </a:r>
            <a:br>
              <a:rPr lang="en-US" dirty="0"/>
            </a:br>
            <a:r>
              <a:rPr lang="en-US" dirty="0"/>
              <a:t>this textbox completely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B520207-8A9B-41BF-957C-99C2F143F76A}"/>
              </a:ext>
            </a:extLst>
          </p:cNvPr>
          <p:cNvSpPr>
            <a:spLocks noGrp="1"/>
          </p:cNvSpPr>
          <p:nvPr>
            <p:ph type="dt" sz="half" idx="26"/>
          </p:nvPr>
        </p:nvSpPr>
        <p:spPr/>
        <p:txBody>
          <a:bodyPr/>
          <a:lstStyle/>
          <a:p>
            <a:fld id="{90881DA6-E2AC-4E41-BE98-916C5C6579E4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5D113E5-602B-4D67-A76A-4D55A14DE09E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44211895"/>
      </p:ext>
    </p:extLst>
  </p:cSld>
  <p:clrMapOvr>
    <a:masterClrMapping/>
  </p:clrMapOvr>
  <p:transition>
    <p:fade/>
  </p:transition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"/>
          <p:cNvSpPr>
            <a:spLocks noGrp="1"/>
          </p:cNvSpPr>
          <p:nvPr>
            <p:ph type="pic" sz="quarter" idx="14"/>
          </p:nvPr>
        </p:nvSpPr>
        <p:spPr bwMode="gray">
          <a:xfrm>
            <a:off x="0" y="1"/>
            <a:ext cx="9215438" cy="5184774"/>
          </a:xfrm>
          <a:custGeom>
            <a:avLst/>
            <a:gdLst/>
            <a:ahLst/>
            <a:cxnLst/>
            <a:rect l="l" t="t" r="r" b="b"/>
            <a:pathLst>
              <a:path w="2953414" h="4932102">
                <a:moveTo>
                  <a:pt x="0" y="0"/>
                </a:moveTo>
                <a:lnTo>
                  <a:pt x="2953414" y="0"/>
                </a:lnTo>
                <a:lnTo>
                  <a:pt x="2953414" y="4932102"/>
                </a:lnTo>
                <a:lnTo>
                  <a:pt x="0" y="4932102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txBody>
          <a:bodyPr tIns="0" anchor="ctr" anchorCtr="0"/>
          <a:lstStyle>
            <a:lvl1pPr algn="ctr">
              <a:lnSpc>
                <a:spcPct val="100000"/>
              </a:lnSpc>
              <a:spcAft>
                <a:spcPts val="0"/>
              </a:spcAft>
              <a:defRPr sz="8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EDCCE28-19A7-435F-8D59-90A8A4024C8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60158A3D-6DBE-4CAA-A5BB-CC6CB67064FE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7" name="Title 4">
            <a:extLst>
              <a:ext uri="{FF2B5EF4-FFF2-40B4-BE49-F238E27FC236}">
                <a16:creationId xmlns:a16="http://schemas.microsoft.com/office/drawing/2014/main" id="{4A1DF06B-D9DA-44AA-B35B-6C3917A718B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3" y="575823"/>
            <a:ext cx="3743985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over four lines </a:t>
            </a:r>
            <a:br>
              <a:rPr lang="en-US" dirty="0"/>
            </a:br>
            <a:r>
              <a:rPr lang="en-US" dirty="0"/>
              <a:t>or less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F8DCDA5-2056-4D83-AF51-01B29A23DBF9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69E86E07-0ED5-4091-9035-A31013CC193F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63C27A-EFC2-42D3-AAF0-98850DEB6775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6176769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/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734" y="288387"/>
            <a:ext cx="2303762" cy="4608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591496" y="288387"/>
            <a:ext cx="2303595" cy="2304000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591496" y="2592387"/>
            <a:ext cx="2303595" cy="230400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4895090" y="288387"/>
            <a:ext cx="4032629" cy="4608000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D8E4796-355D-4859-A742-D960938E2D35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7D786E24-DC02-43AF-9B6A-E8D3FB81FE7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302" y="864195"/>
            <a:ext cx="4896147" cy="2304455"/>
          </a:xfrm>
        </p:spPr>
        <p:txBody>
          <a:bodyPr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. You can change the size of this textbox to ensure readability.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9BECA0C-1902-458E-9672-5E613F5A710E}"/>
              </a:ext>
            </a:extLst>
          </p:cNvPr>
          <p:cNvSpPr>
            <a:spLocks noGrp="1"/>
          </p:cNvSpPr>
          <p:nvPr>
            <p:ph type="dt" sz="half" idx="32"/>
          </p:nvPr>
        </p:nvSpPr>
        <p:spPr/>
        <p:txBody>
          <a:bodyPr/>
          <a:lstStyle/>
          <a:p>
            <a:fld id="{EE327B00-83C2-457D-8D50-102112B81C85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1F8F6D5-D894-4693-A285-F2E33CFFBC47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1193878"/>
      </p:ext>
    </p:extLst>
  </p:cSld>
  <p:clrMapOvr>
    <a:masterClrMapping/>
  </p:clrMapOvr>
  <p:transition>
    <p:fade/>
  </p:transition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0" y="0"/>
            <a:ext cx="2303463" cy="5184720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2303463" y="0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9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2303463" y="1728291"/>
            <a:ext cx="2303463" cy="1728291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0" name="Picture Placeholder 3"/>
          <p:cNvSpPr>
            <a:spLocks noGrp="1"/>
          </p:cNvSpPr>
          <p:nvPr>
            <p:ph type="pic" sz="quarter" idx="25"/>
          </p:nvPr>
        </p:nvSpPr>
        <p:spPr bwMode="gray">
          <a:xfrm>
            <a:off x="2303463" y="3456582"/>
            <a:ext cx="2303463" cy="1728291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1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4606926" y="-1"/>
            <a:ext cx="2016786" cy="2592387"/>
          </a:xfrm>
          <a:solidFill>
            <a:schemeClr val="bg2"/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3" name="Picture Placeholder 3"/>
          <p:cNvSpPr>
            <a:spLocks noGrp="1"/>
          </p:cNvSpPr>
          <p:nvPr>
            <p:ph type="pic" sz="quarter" idx="27"/>
          </p:nvPr>
        </p:nvSpPr>
        <p:spPr bwMode="gray">
          <a:xfrm>
            <a:off x="4606926" y="2592387"/>
            <a:ext cx="2016786" cy="2592387"/>
          </a:xfrm>
          <a:solidFill>
            <a:schemeClr val="bg2">
              <a:lumMod val="75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4" name="Picture Placeholder 3"/>
          <p:cNvSpPr>
            <a:spLocks noGrp="1"/>
          </p:cNvSpPr>
          <p:nvPr>
            <p:ph type="pic" sz="quarter" idx="28"/>
          </p:nvPr>
        </p:nvSpPr>
        <p:spPr bwMode="gray">
          <a:xfrm>
            <a:off x="6623712" y="0"/>
            <a:ext cx="2591726" cy="5184720"/>
          </a:xfrm>
          <a:solidFill>
            <a:schemeClr val="bg2">
              <a:lumMod val="5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DBBE06D-E1F0-45B0-A4B9-F2F79936B1B8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F2CEF07-6748-4A1B-91B8-0FF107ED6470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lick to edit Master title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45811427"/>
      </p:ext>
    </p:extLst>
  </p:cSld>
  <p:clrMapOvr>
    <a:masterClrMapping/>
  </p:clrMapOvr>
  <p:transition>
    <p:fade/>
  </p:transition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+ Message (6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/>
          <p:cNvSpPr>
            <a:spLocks noGrp="1"/>
          </p:cNvSpPr>
          <p:nvPr>
            <p:ph type="pic" sz="quarter" idx="26"/>
          </p:nvPr>
        </p:nvSpPr>
        <p:spPr bwMode="gray">
          <a:xfrm>
            <a:off x="0" y="0"/>
            <a:ext cx="4319687" cy="5184377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9" name="Picture Placeholder 5"/>
          <p:cNvSpPr>
            <a:spLocks noGrp="1"/>
          </p:cNvSpPr>
          <p:nvPr>
            <p:ph type="pic" sz="quarter" idx="28"/>
          </p:nvPr>
        </p:nvSpPr>
        <p:spPr bwMode="gray">
          <a:xfrm>
            <a:off x="4319687" y="396"/>
            <a:ext cx="4896016" cy="5184379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6" name="Picture Placeholder 5"/>
          <p:cNvSpPr>
            <a:spLocks noGrp="1"/>
          </p:cNvSpPr>
          <p:nvPr>
            <p:ph type="pic" sz="quarter" idx="27"/>
          </p:nvPr>
        </p:nvSpPr>
        <p:spPr bwMode="gray">
          <a:xfrm>
            <a:off x="4895752" y="575823"/>
            <a:ext cx="3167160" cy="3169090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185475C-96D3-413F-A5B9-4489AB46BD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E4334508-DEE9-4B79-92DC-0D4614578EA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 bwMode="gray">
          <a:xfrm>
            <a:off x="863733" y="3167161"/>
            <a:ext cx="2303826" cy="144145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Title 4">
            <a:extLst>
              <a:ext uri="{FF2B5EF4-FFF2-40B4-BE49-F238E27FC236}">
                <a16:creationId xmlns:a16="http://schemas.microsoft.com/office/drawing/2014/main" id="{EB66B50D-5955-4E99-B69D-AAD52162D64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gray">
          <a:xfrm>
            <a:off x="863734" y="575823"/>
            <a:ext cx="2879890" cy="2591337"/>
          </a:xfrm>
        </p:spPr>
        <p:txBody>
          <a:bodyPr bIns="144000" anchor="b"/>
          <a:lstStyle>
            <a:lvl1pPr>
              <a:lnSpc>
                <a:spcPct val="75000"/>
              </a:lnSpc>
              <a:defRPr sz="4800"/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  <a:lvl6pPr>
              <a:defRPr sz="4800"/>
            </a:lvl6pPr>
            <a:lvl7pPr>
              <a:defRPr sz="4800"/>
            </a:lvl7pPr>
            <a:lvl8pPr>
              <a:defRPr sz="4800"/>
            </a:lvl8pPr>
            <a:lvl9pPr>
              <a:defRPr sz="4800"/>
            </a:lvl9pPr>
          </a:lstStyle>
          <a:p>
            <a:pPr lvl="0"/>
            <a:r>
              <a:rPr lang="en-US" dirty="0"/>
              <a:t>Big long Key Message </a:t>
            </a:r>
            <a:br>
              <a:rPr lang="en-US" dirty="0"/>
            </a:br>
            <a:r>
              <a:rPr lang="en-US" dirty="0"/>
              <a:t>over four lines or less.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53158268"/>
      </p:ext>
    </p:extLst>
  </p:cSld>
  <p:clrMapOvr>
    <a:masterClrMapping/>
  </p:clrMapOvr>
  <p:transition>
    <p:fade/>
  </p:transition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Images + Descri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3"/>
          <p:cNvSpPr>
            <a:spLocks noGrp="1"/>
          </p:cNvSpPr>
          <p:nvPr>
            <p:ph type="pic" sz="quarter" idx="18"/>
          </p:nvPr>
        </p:nvSpPr>
        <p:spPr bwMode="gray">
          <a:xfrm>
            <a:off x="287339" y="1152227"/>
            <a:ext cx="2880220" cy="2304256"/>
          </a:xfrm>
          <a:solidFill>
            <a:schemeClr val="bg2">
              <a:lumMod val="20000"/>
              <a:lumOff val="8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3" name="Picture Placeholder 3"/>
          <p:cNvSpPr>
            <a:spLocks noGrp="1"/>
          </p:cNvSpPr>
          <p:nvPr>
            <p:ph type="pic" sz="quarter" idx="23"/>
          </p:nvPr>
        </p:nvSpPr>
        <p:spPr bwMode="gray">
          <a:xfrm>
            <a:off x="3167559" y="1152227"/>
            <a:ext cx="2880220" cy="2304256"/>
          </a:xfrm>
          <a:solidFill>
            <a:schemeClr val="bg2">
              <a:lumMod val="40000"/>
              <a:lumOff val="6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14" name="Picture Placeholder 3"/>
          <p:cNvSpPr>
            <a:spLocks noGrp="1"/>
          </p:cNvSpPr>
          <p:nvPr>
            <p:ph type="pic" sz="quarter" idx="24"/>
          </p:nvPr>
        </p:nvSpPr>
        <p:spPr bwMode="gray">
          <a:xfrm>
            <a:off x="6047779" y="1152227"/>
            <a:ext cx="2880220" cy="2304256"/>
          </a:xfrm>
          <a:solidFill>
            <a:schemeClr val="bg2">
              <a:lumMod val="60000"/>
              <a:lumOff val="40000"/>
            </a:schemeClr>
          </a:solidFill>
        </p:spPr>
        <p:txBody>
          <a:bodyPr anchor="ctr"/>
          <a:lstStyle>
            <a:lvl1pPr algn="ctr">
              <a:defRPr sz="800" b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EA0DF66-95E0-46A6-8652-7C278A22A88D}"/>
              </a:ext>
            </a:extLst>
          </p:cNvPr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D1F55AED-4045-47E6-9355-4E70B8AC2FD7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 bwMode="gray"/>
        <p:txBody>
          <a:bodyPr/>
          <a:lstStyle/>
          <a:p>
            <a:pPr>
              <a:defRPr/>
            </a:pPr>
            <a:fld id="{66C8B3C2-955F-42B1-8DED-EE47D723596C}" type="slidenum">
              <a:rPr lang="en-US" noProof="0" smtClean="0"/>
              <a:pPr>
                <a:defRPr/>
              </a:pPr>
              <a:t>‹#›</a:t>
            </a:fld>
            <a:endParaRPr lang="en-US" noProof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3F7655D8-F9A5-4788-B9AC-A86FA37BED8A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 bwMode="gray">
          <a:xfrm>
            <a:off x="287238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202D6161-BB99-4257-AF9F-EBC735CB191A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316755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86408CCB-0074-4487-ADC2-FEB6BC4BB3D0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 bwMode="gray">
          <a:xfrm>
            <a:off x="6047879" y="3744515"/>
            <a:ext cx="2592487" cy="864096"/>
          </a:xfrm>
        </p:spPr>
        <p:txBody>
          <a:bodyPr/>
          <a:lstStyle>
            <a:lvl1pPr>
              <a:lnSpc>
                <a:spcPct val="75000"/>
              </a:lnSpc>
              <a:defRPr sz="1800" b="1" cap="all" spc="20" baseline="0">
                <a:latin typeface="+mj-lt"/>
              </a:defRPr>
            </a:lvl1pPr>
            <a:lvl2pPr marL="0" indent="0" algn="l">
              <a:buNone/>
              <a:defRPr/>
            </a:lvl2pPr>
            <a:lvl3pPr>
              <a:buFont typeface="Wingdings" panose="05000000000000000000" pitchFamily="2" charset="2"/>
              <a:buChar char="§"/>
              <a:defRPr/>
            </a:lvl3pPr>
            <a:lvl4pPr marL="180000" indent="-180000">
              <a:buFont typeface="+mj-lt"/>
              <a:buAutoNum type="arabicPeriod"/>
              <a:defRPr/>
            </a:lvl4pPr>
            <a:lvl5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None/>
              <a:defRPr sz="1200" cap="none" spc="0" baseline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26184CE-FDFC-4B28-B408-A9D0F126EE34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fld id="{20100098-715D-43C8-868E-C5A84E49F2FB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3F402E-95C8-4388-BBE1-C5169DD6473B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1838A765-2229-41F5-B5BA-E7D3F42B724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 bwMode="gray">
          <a:xfrm>
            <a:off x="287734" y="592924"/>
            <a:ext cx="7776766" cy="270676"/>
          </a:xfrm>
        </p:spPr>
        <p:txBody>
          <a:bodyPr/>
          <a:lstStyle>
            <a:lvl1pPr>
              <a:lnSpc>
                <a:spcPct val="75000"/>
              </a:lnSpc>
              <a:defRPr sz="1800" b="0" cap="all" baseline="0">
                <a:solidFill>
                  <a:schemeClr val="tx1"/>
                </a:solidFill>
                <a:latin typeface="+mj-lt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Click to edit Master text sty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44917195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_rels/slideMaster10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37.xml"/><Relationship Id="rId18" Type="http://schemas.openxmlformats.org/officeDocument/2006/relationships/slideLayout" Target="../slideLayouts/slideLayout342.xml"/><Relationship Id="rId26" Type="http://schemas.openxmlformats.org/officeDocument/2006/relationships/slideLayout" Target="../slideLayouts/slideLayout350.xml"/><Relationship Id="rId21" Type="http://schemas.openxmlformats.org/officeDocument/2006/relationships/slideLayout" Target="../slideLayouts/slideLayout345.xml"/><Relationship Id="rId34" Type="http://schemas.openxmlformats.org/officeDocument/2006/relationships/slideLayout" Target="../slideLayouts/slideLayout358.xml"/><Relationship Id="rId7" Type="http://schemas.openxmlformats.org/officeDocument/2006/relationships/slideLayout" Target="../slideLayouts/slideLayout331.xml"/><Relationship Id="rId12" Type="http://schemas.openxmlformats.org/officeDocument/2006/relationships/slideLayout" Target="../slideLayouts/slideLayout336.xml"/><Relationship Id="rId17" Type="http://schemas.openxmlformats.org/officeDocument/2006/relationships/slideLayout" Target="../slideLayouts/slideLayout341.xml"/><Relationship Id="rId25" Type="http://schemas.openxmlformats.org/officeDocument/2006/relationships/slideLayout" Target="../slideLayouts/slideLayout349.xml"/><Relationship Id="rId33" Type="http://schemas.openxmlformats.org/officeDocument/2006/relationships/slideLayout" Target="../slideLayouts/slideLayout357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26.xml"/><Relationship Id="rId16" Type="http://schemas.openxmlformats.org/officeDocument/2006/relationships/slideLayout" Target="../slideLayouts/slideLayout340.xml"/><Relationship Id="rId20" Type="http://schemas.openxmlformats.org/officeDocument/2006/relationships/slideLayout" Target="../slideLayouts/slideLayout344.xml"/><Relationship Id="rId29" Type="http://schemas.openxmlformats.org/officeDocument/2006/relationships/slideLayout" Target="../slideLayouts/slideLayout353.xml"/><Relationship Id="rId1" Type="http://schemas.openxmlformats.org/officeDocument/2006/relationships/slideLayout" Target="../slideLayouts/slideLayout325.xml"/><Relationship Id="rId6" Type="http://schemas.openxmlformats.org/officeDocument/2006/relationships/slideLayout" Target="../slideLayouts/slideLayout330.xml"/><Relationship Id="rId11" Type="http://schemas.openxmlformats.org/officeDocument/2006/relationships/slideLayout" Target="../slideLayouts/slideLayout335.xml"/><Relationship Id="rId24" Type="http://schemas.openxmlformats.org/officeDocument/2006/relationships/slideLayout" Target="../slideLayouts/slideLayout348.xml"/><Relationship Id="rId32" Type="http://schemas.openxmlformats.org/officeDocument/2006/relationships/slideLayout" Target="../slideLayouts/slideLayout356.xml"/><Relationship Id="rId37" Type="http://schemas.openxmlformats.org/officeDocument/2006/relationships/theme" Target="../theme/theme10.xml"/><Relationship Id="rId5" Type="http://schemas.openxmlformats.org/officeDocument/2006/relationships/slideLayout" Target="../slideLayouts/slideLayout329.xml"/><Relationship Id="rId15" Type="http://schemas.openxmlformats.org/officeDocument/2006/relationships/slideLayout" Target="../slideLayouts/slideLayout339.xml"/><Relationship Id="rId23" Type="http://schemas.openxmlformats.org/officeDocument/2006/relationships/slideLayout" Target="../slideLayouts/slideLayout347.xml"/><Relationship Id="rId28" Type="http://schemas.openxmlformats.org/officeDocument/2006/relationships/slideLayout" Target="../slideLayouts/slideLayout352.xml"/><Relationship Id="rId36" Type="http://schemas.openxmlformats.org/officeDocument/2006/relationships/slideLayout" Target="../slideLayouts/slideLayout360.xml"/><Relationship Id="rId10" Type="http://schemas.openxmlformats.org/officeDocument/2006/relationships/slideLayout" Target="../slideLayouts/slideLayout334.xml"/><Relationship Id="rId19" Type="http://schemas.openxmlformats.org/officeDocument/2006/relationships/slideLayout" Target="../slideLayouts/slideLayout343.xml"/><Relationship Id="rId31" Type="http://schemas.openxmlformats.org/officeDocument/2006/relationships/slideLayout" Target="../slideLayouts/slideLayout355.xml"/><Relationship Id="rId4" Type="http://schemas.openxmlformats.org/officeDocument/2006/relationships/slideLayout" Target="../slideLayouts/slideLayout328.xml"/><Relationship Id="rId9" Type="http://schemas.openxmlformats.org/officeDocument/2006/relationships/slideLayout" Target="../slideLayouts/slideLayout333.xml"/><Relationship Id="rId14" Type="http://schemas.openxmlformats.org/officeDocument/2006/relationships/slideLayout" Target="../slideLayouts/slideLayout338.xml"/><Relationship Id="rId22" Type="http://schemas.openxmlformats.org/officeDocument/2006/relationships/slideLayout" Target="../slideLayouts/slideLayout346.xml"/><Relationship Id="rId27" Type="http://schemas.openxmlformats.org/officeDocument/2006/relationships/slideLayout" Target="../slideLayouts/slideLayout351.xml"/><Relationship Id="rId30" Type="http://schemas.openxmlformats.org/officeDocument/2006/relationships/slideLayout" Target="../slideLayouts/slideLayout354.xml"/><Relationship Id="rId35" Type="http://schemas.openxmlformats.org/officeDocument/2006/relationships/slideLayout" Target="../slideLayouts/slideLayout359.xml"/><Relationship Id="rId8" Type="http://schemas.openxmlformats.org/officeDocument/2006/relationships/slideLayout" Target="../slideLayouts/slideLayout332.xml"/><Relationship Id="rId3" Type="http://schemas.openxmlformats.org/officeDocument/2006/relationships/slideLayout" Target="../slideLayouts/slideLayout327.xml"/></Relationships>
</file>

<file path=ppt/slideMasters/_rels/slideMaster1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73.xml"/><Relationship Id="rId18" Type="http://schemas.openxmlformats.org/officeDocument/2006/relationships/slideLayout" Target="../slideLayouts/slideLayout378.xml"/><Relationship Id="rId26" Type="http://schemas.openxmlformats.org/officeDocument/2006/relationships/slideLayout" Target="../slideLayouts/slideLayout386.xml"/><Relationship Id="rId21" Type="http://schemas.openxmlformats.org/officeDocument/2006/relationships/slideLayout" Target="../slideLayouts/slideLayout381.xml"/><Relationship Id="rId34" Type="http://schemas.openxmlformats.org/officeDocument/2006/relationships/slideLayout" Target="../slideLayouts/slideLayout394.xml"/><Relationship Id="rId7" Type="http://schemas.openxmlformats.org/officeDocument/2006/relationships/slideLayout" Target="../slideLayouts/slideLayout367.xml"/><Relationship Id="rId12" Type="http://schemas.openxmlformats.org/officeDocument/2006/relationships/slideLayout" Target="../slideLayouts/slideLayout372.xml"/><Relationship Id="rId17" Type="http://schemas.openxmlformats.org/officeDocument/2006/relationships/slideLayout" Target="../slideLayouts/slideLayout377.xml"/><Relationship Id="rId25" Type="http://schemas.openxmlformats.org/officeDocument/2006/relationships/slideLayout" Target="../slideLayouts/slideLayout385.xml"/><Relationship Id="rId33" Type="http://schemas.openxmlformats.org/officeDocument/2006/relationships/slideLayout" Target="../slideLayouts/slideLayout39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62.xml"/><Relationship Id="rId16" Type="http://schemas.openxmlformats.org/officeDocument/2006/relationships/slideLayout" Target="../slideLayouts/slideLayout376.xml"/><Relationship Id="rId20" Type="http://schemas.openxmlformats.org/officeDocument/2006/relationships/slideLayout" Target="../slideLayouts/slideLayout380.xml"/><Relationship Id="rId29" Type="http://schemas.openxmlformats.org/officeDocument/2006/relationships/slideLayout" Target="../slideLayouts/slideLayout389.xml"/><Relationship Id="rId1" Type="http://schemas.openxmlformats.org/officeDocument/2006/relationships/slideLayout" Target="../slideLayouts/slideLayout361.xml"/><Relationship Id="rId6" Type="http://schemas.openxmlformats.org/officeDocument/2006/relationships/slideLayout" Target="../slideLayouts/slideLayout366.xml"/><Relationship Id="rId11" Type="http://schemas.openxmlformats.org/officeDocument/2006/relationships/slideLayout" Target="../slideLayouts/slideLayout371.xml"/><Relationship Id="rId24" Type="http://schemas.openxmlformats.org/officeDocument/2006/relationships/slideLayout" Target="../slideLayouts/slideLayout384.xml"/><Relationship Id="rId32" Type="http://schemas.openxmlformats.org/officeDocument/2006/relationships/slideLayout" Target="../slideLayouts/slideLayout392.xml"/><Relationship Id="rId37" Type="http://schemas.openxmlformats.org/officeDocument/2006/relationships/theme" Target="../theme/theme11.xml"/><Relationship Id="rId5" Type="http://schemas.openxmlformats.org/officeDocument/2006/relationships/slideLayout" Target="../slideLayouts/slideLayout365.xml"/><Relationship Id="rId15" Type="http://schemas.openxmlformats.org/officeDocument/2006/relationships/slideLayout" Target="../slideLayouts/slideLayout375.xml"/><Relationship Id="rId23" Type="http://schemas.openxmlformats.org/officeDocument/2006/relationships/slideLayout" Target="../slideLayouts/slideLayout383.xml"/><Relationship Id="rId28" Type="http://schemas.openxmlformats.org/officeDocument/2006/relationships/slideLayout" Target="../slideLayouts/slideLayout388.xml"/><Relationship Id="rId36" Type="http://schemas.openxmlformats.org/officeDocument/2006/relationships/slideLayout" Target="../slideLayouts/slideLayout396.xml"/><Relationship Id="rId10" Type="http://schemas.openxmlformats.org/officeDocument/2006/relationships/slideLayout" Target="../slideLayouts/slideLayout370.xml"/><Relationship Id="rId19" Type="http://schemas.openxmlformats.org/officeDocument/2006/relationships/slideLayout" Target="../slideLayouts/slideLayout379.xml"/><Relationship Id="rId31" Type="http://schemas.openxmlformats.org/officeDocument/2006/relationships/slideLayout" Target="../slideLayouts/slideLayout391.xml"/><Relationship Id="rId4" Type="http://schemas.openxmlformats.org/officeDocument/2006/relationships/slideLayout" Target="../slideLayouts/slideLayout364.xml"/><Relationship Id="rId9" Type="http://schemas.openxmlformats.org/officeDocument/2006/relationships/slideLayout" Target="../slideLayouts/slideLayout369.xml"/><Relationship Id="rId14" Type="http://schemas.openxmlformats.org/officeDocument/2006/relationships/slideLayout" Target="../slideLayouts/slideLayout374.xml"/><Relationship Id="rId22" Type="http://schemas.openxmlformats.org/officeDocument/2006/relationships/slideLayout" Target="../slideLayouts/slideLayout382.xml"/><Relationship Id="rId27" Type="http://schemas.openxmlformats.org/officeDocument/2006/relationships/slideLayout" Target="../slideLayouts/slideLayout387.xml"/><Relationship Id="rId30" Type="http://schemas.openxmlformats.org/officeDocument/2006/relationships/slideLayout" Target="../slideLayouts/slideLayout390.xml"/><Relationship Id="rId35" Type="http://schemas.openxmlformats.org/officeDocument/2006/relationships/slideLayout" Target="../slideLayouts/slideLayout395.xml"/><Relationship Id="rId8" Type="http://schemas.openxmlformats.org/officeDocument/2006/relationships/slideLayout" Target="../slideLayouts/slideLayout368.xml"/><Relationship Id="rId3" Type="http://schemas.openxmlformats.org/officeDocument/2006/relationships/slideLayout" Target="../slideLayouts/slideLayout363.xml"/></Relationships>
</file>

<file path=ppt/slideMasters/_rels/slideMaster1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409.xml"/><Relationship Id="rId18" Type="http://schemas.openxmlformats.org/officeDocument/2006/relationships/slideLayout" Target="../slideLayouts/slideLayout414.xml"/><Relationship Id="rId26" Type="http://schemas.openxmlformats.org/officeDocument/2006/relationships/slideLayout" Target="../slideLayouts/slideLayout422.xml"/><Relationship Id="rId21" Type="http://schemas.openxmlformats.org/officeDocument/2006/relationships/slideLayout" Target="../slideLayouts/slideLayout417.xml"/><Relationship Id="rId34" Type="http://schemas.openxmlformats.org/officeDocument/2006/relationships/slideLayout" Target="../slideLayouts/slideLayout430.xml"/><Relationship Id="rId7" Type="http://schemas.openxmlformats.org/officeDocument/2006/relationships/slideLayout" Target="../slideLayouts/slideLayout403.xml"/><Relationship Id="rId12" Type="http://schemas.openxmlformats.org/officeDocument/2006/relationships/slideLayout" Target="../slideLayouts/slideLayout408.xml"/><Relationship Id="rId17" Type="http://schemas.openxmlformats.org/officeDocument/2006/relationships/slideLayout" Target="../slideLayouts/slideLayout413.xml"/><Relationship Id="rId25" Type="http://schemas.openxmlformats.org/officeDocument/2006/relationships/slideLayout" Target="../slideLayouts/slideLayout421.xml"/><Relationship Id="rId33" Type="http://schemas.openxmlformats.org/officeDocument/2006/relationships/slideLayout" Target="../slideLayouts/slideLayout429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98.xml"/><Relationship Id="rId16" Type="http://schemas.openxmlformats.org/officeDocument/2006/relationships/slideLayout" Target="../slideLayouts/slideLayout412.xml"/><Relationship Id="rId20" Type="http://schemas.openxmlformats.org/officeDocument/2006/relationships/slideLayout" Target="../slideLayouts/slideLayout416.xml"/><Relationship Id="rId29" Type="http://schemas.openxmlformats.org/officeDocument/2006/relationships/slideLayout" Target="../slideLayouts/slideLayout425.xml"/><Relationship Id="rId1" Type="http://schemas.openxmlformats.org/officeDocument/2006/relationships/slideLayout" Target="../slideLayouts/slideLayout397.xml"/><Relationship Id="rId6" Type="http://schemas.openxmlformats.org/officeDocument/2006/relationships/slideLayout" Target="../slideLayouts/slideLayout402.xml"/><Relationship Id="rId11" Type="http://schemas.openxmlformats.org/officeDocument/2006/relationships/slideLayout" Target="../slideLayouts/slideLayout407.xml"/><Relationship Id="rId24" Type="http://schemas.openxmlformats.org/officeDocument/2006/relationships/slideLayout" Target="../slideLayouts/slideLayout420.xml"/><Relationship Id="rId32" Type="http://schemas.openxmlformats.org/officeDocument/2006/relationships/slideLayout" Target="../slideLayouts/slideLayout428.xml"/><Relationship Id="rId37" Type="http://schemas.openxmlformats.org/officeDocument/2006/relationships/theme" Target="../theme/theme12.xml"/><Relationship Id="rId5" Type="http://schemas.openxmlformats.org/officeDocument/2006/relationships/slideLayout" Target="../slideLayouts/slideLayout401.xml"/><Relationship Id="rId15" Type="http://schemas.openxmlformats.org/officeDocument/2006/relationships/slideLayout" Target="../slideLayouts/slideLayout411.xml"/><Relationship Id="rId23" Type="http://schemas.openxmlformats.org/officeDocument/2006/relationships/slideLayout" Target="../slideLayouts/slideLayout419.xml"/><Relationship Id="rId28" Type="http://schemas.openxmlformats.org/officeDocument/2006/relationships/slideLayout" Target="../slideLayouts/slideLayout424.xml"/><Relationship Id="rId36" Type="http://schemas.openxmlformats.org/officeDocument/2006/relationships/slideLayout" Target="../slideLayouts/slideLayout432.xml"/><Relationship Id="rId10" Type="http://schemas.openxmlformats.org/officeDocument/2006/relationships/slideLayout" Target="../slideLayouts/slideLayout406.xml"/><Relationship Id="rId19" Type="http://schemas.openxmlformats.org/officeDocument/2006/relationships/slideLayout" Target="../slideLayouts/slideLayout415.xml"/><Relationship Id="rId31" Type="http://schemas.openxmlformats.org/officeDocument/2006/relationships/slideLayout" Target="../slideLayouts/slideLayout427.xml"/><Relationship Id="rId4" Type="http://schemas.openxmlformats.org/officeDocument/2006/relationships/slideLayout" Target="../slideLayouts/slideLayout400.xml"/><Relationship Id="rId9" Type="http://schemas.openxmlformats.org/officeDocument/2006/relationships/slideLayout" Target="../slideLayouts/slideLayout405.xml"/><Relationship Id="rId14" Type="http://schemas.openxmlformats.org/officeDocument/2006/relationships/slideLayout" Target="../slideLayouts/slideLayout410.xml"/><Relationship Id="rId22" Type="http://schemas.openxmlformats.org/officeDocument/2006/relationships/slideLayout" Target="../slideLayouts/slideLayout418.xml"/><Relationship Id="rId27" Type="http://schemas.openxmlformats.org/officeDocument/2006/relationships/slideLayout" Target="../slideLayouts/slideLayout423.xml"/><Relationship Id="rId30" Type="http://schemas.openxmlformats.org/officeDocument/2006/relationships/slideLayout" Target="../slideLayouts/slideLayout426.xml"/><Relationship Id="rId35" Type="http://schemas.openxmlformats.org/officeDocument/2006/relationships/slideLayout" Target="../slideLayouts/slideLayout431.xml"/><Relationship Id="rId8" Type="http://schemas.openxmlformats.org/officeDocument/2006/relationships/slideLayout" Target="../slideLayouts/slideLayout404.xml"/><Relationship Id="rId3" Type="http://schemas.openxmlformats.org/officeDocument/2006/relationships/slideLayout" Target="../slideLayouts/slideLayout399.xml"/></Relationships>
</file>

<file path=ppt/slideMasters/_rels/slideMaster1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40.xml"/><Relationship Id="rId13" Type="http://schemas.openxmlformats.org/officeDocument/2006/relationships/slideLayout" Target="../slideLayouts/slideLayout445.xml"/><Relationship Id="rId18" Type="http://schemas.openxmlformats.org/officeDocument/2006/relationships/slideLayout" Target="../slideLayouts/slideLayout450.xml"/><Relationship Id="rId3" Type="http://schemas.openxmlformats.org/officeDocument/2006/relationships/slideLayout" Target="../slideLayouts/slideLayout435.xml"/><Relationship Id="rId21" Type="http://schemas.openxmlformats.org/officeDocument/2006/relationships/image" Target="../media/image2.png"/><Relationship Id="rId7" Type="http://schemas.openxmlformats.org/officeDocument/2006/relationships/slideLayout" Target="../slideLayouts/slideLayout439.xml"/><Relationship Id="rId12" Type="http://schemas.openxmlformats.org/officeDocument/2006/relationships/slideLayout" Target="../slideLayouts/slideLayout444.xml"/><Relationship Id="rId17" Type="http://schemas.openxmlformats.org/officeDocument/2006/relationships/slideLayout" Target="../slideLayouts/slideLayout449.xml"/><Relationship Id="rId2" Type="http://schemas.openxmlformats.org/officeDocument/2006/relationships/slideLayout" Target="../slideLayouts/slideLayout434.xml"/><Relationship Id="rId16" Type="http://schemas.openxmlformats.org/officeDocument/2006/relationships/slideLayout" Target="../slideLayouts/slideLayout448.xml"/><Relationship Id="rId20" Type="http://schemas.openxmlformats.org/officeDocument/2006/relationships/theme" Target="../theme/theme13.xml"/><Relationship Id="rId1" Type="http://schemas.openxmlformats.org/officeDocument/2006/relationships/slideLayout" Target="../slideLayouts/slideLayout433.xml"/><Relationship Id="rId6" Type="http://schemas.openxmlformats.org/officeDocument/2006/relationships/slideLayout" Target="../slideLayouts/slideLayout438.xml"/><Relationship Id="rId11" Type="http://schemas.openxmlformats.org/officeDocument/2006/relationships/slideLayout" Target="../slideLayouts/slideLayout443.xml"/><Relationship Id="rId5" Type="http://schemas.openxmlformats.org/officeDocument/2006/relationships/slideLayout" Target="../slideLayouts/slideLayout437.xml"/><Relationship Id="rId15" Type="http://schemas.openxmlformats.org/officeDocument/2006/relationships/slideLayout" Target="../slideLayouts/slideLayout447.xml"/><Relationship Id="rId10" Type="http://schemas.openxmlformats.org/officeDocument/2006/relationships/slideLayout" Target="../slideLayouts/slideLayout442.xml"/><Relationship Id="rId19" Type="http://schemas.openxmlformats.org/officeDocument/2006/relationships/slideLayout" Target="../slideLayouts/slideLayout451.xml"/><Relationship Id="rId4" Type="http://schemas.openxmlformats.org/officeDocument/2006/relationships/slideLayout" Target="../slideLayouts/slideLayout436.xml"/><Relationship Id="rId9" Type="http://schemas.openxmlformats.org/officeDocument/2006/relationships/slideLayout" Target="../slideLayouts/slideLayout441.xml"/><Relationship Id="rId14" Type="http://schemas.openxmlformats.org/officeDocument/2006/relationships/slideLayout" Target="../slideLayouts/slideLayout446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49.xml"/><Relationship Id="rId18" Type="http://schemas.openxmlformats.org/officeDocument/2006/relationships/slideLayout" Target="../slideLayouts/slideLayout54.xml"/><Relationship Id="rId26" Type="http://schemas.openxmlformats.org/officeDocument/2006/relationships/slideLayout" Target="../slideLayouts/slideLayout62.xml"/><Relationship Id="rId21" Type="http://schemas.openxmlformats.org/officeDocument/2006/relationships/slideLayout" Target="../slideLayouts/slideLayout57.xml"/><Relationship Id="rId34" Type="http://schemas.openxmlformats.org/officeDocument/2006/relationships/slideLayout" Target="../slideLayouts/slideLayout70.xml"/><Relationship Id="rId7" Type="http://schemas.openxmlformats.org/officeDocument/2006/relationships/slideLayout" Target="../slideLayouts/slideLayout43.xml"/><Relationship Id="rId12" Type="http://schemas.openxmlformats.org/officeDocument/2006/relationships/slideLayout" Target="../slideLayouts/slideLayout48.xml"/><Relationship Id="rId17" Type="http://schemas.openxmlformats.org/officeDocument/2006/relationships/slideLayout" Target="../slideLayouts/slideLayout53.xml"/><Relationship Id="rId25" Type="http://schemas.openxmlformats.org/officeDocument/2006/relationships/slideLayout" Target="../slideLayouts/slideLayout61.xml"/><Relationship Id="rId33" Type="http://schemas.openxmlformats.org/officeDocument/2006/relationships/slideLayout" Target="../slideLayouts/slideLayout69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38.xml"/><Relationship Id="rId16" Type="http://schemas.openxmlformats.org/officeDocument/2006/relationships/slideLayout" Target="../slideLayouts/slideLayout52.xml"/><Relationship Id="rId20" Type="http://schemas.openxmlformats.org/officeDocument/2006/relationships/slideLayout" Target="../slideLayouts/slideLayout56.xml"/><Relationship Id="rId29" Type="http://schemas.openxmlformats.org/officeDocument/2006/relationships/slideLayout" Target="../slideLayouts/slideLayout65.xml"/><Relationship Id="rId1" Type="http://schemas.openxmlformats.org/officeDocument/2006/relationships/slideLayout" Target="../slideLayouts/slideLayout37.xml"/><Relationship Id="rId6" Type="http://schemas.openxmlformats.org/officeDocument/2006/relationships/slideLayout" Target="../slideLayouts/slideLayout42.xml"/><Relationship Id="rId11" Type="http://schemas.openxmlformats.org/officeDocument/2006/relationships/slideLayout" Target="../slideLayouts/slideLayout47.xml"/><Relationship Id="rId24" Type="http://schemas.openxmlformats.org/officeDocument/2006/relationships/slideLayout" Target="../slideLayouts/slideLayout60.xml"/><Relationship Id="rId32" Type="http://schemas.openxmlformats.org/officeDocument/2006/relationships/slideLayout" Target="../slideLayouts/slideLayout68.xml"/><Relationship Id="rId37" Type="http://schemas.openxmlformats.org/officeDocument/2006/relationships/theme" Target="../theme/theme2.xml"/><Relationship Id="rId5" Type="http://schemas.openxmlformats.org/officeDocument/2006/relationships/slideLayout" Target="../slideLayouts/slideLayout41.xml"/><Relationship Id="rId15" Type="http://schemas.openxmlformats.org/officeDocument/2006/relationships/slideLayout" Target="../slideLayouts/slideLayout51.xml"/><Relationship Id="rId23" Type="http://schemas.openxmlformats.org/officeDocument/2006/relationships/slideLayout" Target="../slideLayouts/slideLayout59.xml"/><Relationship Id="rId28" Type="http://schemas.openxmlformats.org/officeDocument/2006/relationships/slideLayout" Target="../slideLayouts/slideLayout64.xml"/><Relationship Id="rId36" Type="http://schemas.openxmlformats.org/officeDocument/2006/relationships/slideLayout" Target="../slideLayouts/slideLayout72.xml"/><Relationship Id="rId10" Type="http://schemas.openxmlformats.org/officeDocument/2006/relationships/slideLayout" Target="../slideLayouts/slideLayout46.xml"/><Relationship Id="rId19" Type="http://schemas.openxmlformats.org/officeDocument/2006/relationships/slideLayout" Target="../slideLayouts/slideLayout55.xml"/><Relationship Id="rId31" Type="http://schemas.openxmlformats.org/officeDocument/2006/relationships/slideLayout" Target="../slideLayouts/slideLayout67.xml"/><Relationship Id="rId4" Type="http://schemas.openxmlformats.org/officeDocument/2006/relationships/slideLayout" Target="../slideLayouts/slideLayout40.xml"/><Relationship Id="rId9" Type="http://schemas.openxmlformats.org/officeDocument/2006/relationships/slideLayout" Target="../slideLayouts/slideLayout45.xml"/><Relationship Id="rId14" Type="http://schemas.openxmlformats.org/officeDocument/2006/relationships/slideLayout" Target="../slideLayouts/slideLayout50.xml"/><Relationship Id="rId22" Type="http://schemas.openxmlformats.org/officeDocument/2006/relationships/slideLayout" Target="../slideLayouts/slideLayout58.xml"/><Relationship Id="rId27" Type="http://schemas.openxmlformats.org/officeDocument/2006/relationships/slideLayout" Target="../slideLayouts/slideLayout63.xml"/><Relationship Id="rId30" Type="http://schemas.openxmlformats.org/officeDocument/2006/relationships/slideLayout" Target="../slideLayouts/slideLayout66.xml"/><Relationship Id="rId35" Type="http://schemas.openxmlformats.org/officeDocument/2006/relationships/slideLayout" Target="../slideLayouts/slideLayout71.xml"/><Relationship Id="rId8" Type="http://schemas.openxmlformats.org/officeDocument/2006/relationships/slideLayout" Target="../slideLayouts/slideLayout44.xml"/><Relationship Id="rId3" Type="http://schemas.openxmlformats.org/officeDocument/2006/relationships/slideLayout" Target="../slideLayouts/slideLayout39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85.xml"/><Relationship Id="rId18" Type="http://schemas.openxmlformats.org/officeDocument/2006/relationships/slideLayout" Target="../slideLayouts/slideLayout90.xml"/><Relationship Id="rId26" Type="http://schemas.openxmlformats.org/officeDocument/2006/relationships/slideLayout" Target="../slideLayouts/slideLayout98.xml"/><Relationship Id="rId21" Type="http://schemas.openxmlformats.org/officeDocument/2006/relationships/slideLayout" Target="../slideLayouts/slideLayout93.xml"/><Relationship Id="rId34" Type="http://schemas.openxmlformats.org/officeDocument/2006/relationships/slideLayout" Target="../slideLayouts/slideLayout106.xml"/><Relationship Id="rId7" Type="http://schemas.openxmlformats.org/officeDocument/2006/relationships/slideLayout" Target="../slideLayouts/slideLayout79.xml"/><Relationship Id="rId12" Type="http://schemas.openxmlformats.org/officeDocument/2006/relationships/slideLayout" Target="../slideLayouts/slideLayout84.xml"/><Relationship Id="rId17" Type="http://schemas.openxmlformats.org/officeDocument/2006/relationships/slideLayout" Target="../slideLayouts/slideLayout89.xml"/><Relationship Id="rId25" Type="http://schemas.openxmlformats.org/officeDocument/2006/relationships/slideLayout" Target="../slideLayouts/slideLayout97.xml"/><Relationship Id="rId33" Type="http://schemas.openxmlformats.org/officeDocument/2006/relationships/slideLayout" Target="../slideLayouts/slideLayout105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74.xml"/><Relationship Id="rId16" Type="http://schemas.openxmlformats.org/officeDocument/2006/relationships/slideLayout" Target="../slideLayouts/slideLayout88.xml"/><Relationship Id="rId20" Type="http://schemas.openxmlformats.org/officeDocument/2006/relationships/slideLayout" Target="../slideLayouts/slideLayout92.xml"/><Relationship Id="rId29" Type="http://schemas.openxmlformats.org/officeDocument/2006/relationships/slideLayout" Target="../slideLayouts/slideLayout101.xml"/><Relationship Id="rId1" Type="http://schemas.openxmlformats.org/officeDocument/2006/relationships/slideLayout" Target="../slideLayouts/slideLayout73.xml"/><Relationship Id="rId6" Type="http://schemas.openxmlformats.org/officeDocument/2006/relationships/slideLayout" Target="../slideLayouts/slideLayout78.xml"/><Relationship Id="rId11" Type="http://schemas.openxmlformats.org/officeDocument/2006/relationships/slideLayout" Target="../slideLayouts/slideLayout83.xml"/><Relationship Id="rId24" Type="http://schemas.openxmlformats.org/officeDocument/2006/relationships/slideLayout" Target="../slideLayouts/slideLayout96.xml"/><Relationship Id="rId32" Type="http://schemas.openxmlformats.org/officeDocument/2006/relationships/slideLayout" Target="../slideLayouts/slideLayout104.xml"/><Relationship Id="rId37" Type="http://schemas.openxmlformats.org/officeDocument/2006/relationships/theme" Target="../theme/theme3.xml"/><Relationship Id="rId5" Type="http://schemas.openxmlformats.org/officeDocument/2006/relationships/slideLayout" Target="../slideLayouts/slideLayout77.xml"/><Relationship Id="rId15" Type="http://schemas.openxmlformats.org/officeDocument/2006/relationships/slideLayout" Target="../slideLayouts/slideLayout87.xml"/><Relationship Id="rId23" Type="http://schemas.openxmlformats.org/officeDocument/2006/relationships/slideLayout" Target="../slideLayouts/slideLayout95.xml"/><Relationship Id="rId28" Type="http://schemas.openxmlformats.org/officeDocument/2006/relationships/slideLayout" Target="../slideLayouts/slideLayout100.xml"/><Relationship Id="rId36" Type="http://schemas.openxmlformats.org/officeDocument/2006/relationships/slideLayout" Target="../slideLayouts/slideLayout108.xml"/><Relationship Id="rId10" Type="http://schemas.openxmlformats.org/officeDocument/2006/relationships/slideLayout" Target="../slideLayouts/slideLayout82.xml"/><Relationship Id="rId19" Type="http://schemas.openxmlformats.org/officeDocument/2006/relationships/slideLayout" Target="../slideLayouts/slideLayout91.xml"/><Relationship Id="rId31" Type="http://schemas.openxmlformats.org/officeDocument/2006/relationships/slideLayout" Target="../slideLayouts/slideLayout103.xml"/><Relationship Id="rId4" Type="http://schemas.openxmlformats.org/officeDocument/2006/relationships/slideLayout" Target="../slideLayouts/slideLayout76.xml"/><Relationship Id="rId9" Type="http://schemas.openxmlformats.org/officeDocument/2006/relationships/slideLayout" Target="../slideLayouts/slideLayout81.xml"/><Relationship Id="rId14" Type="http://schemas.openxmlformats.org/officeDocument/2006/relationships/slideLayout" Target="../slideLayouts/slideLayout86.xml"/><Relationship Id="rId22" Type="http://schemas.openxmlformats.org/officeDocument/2006/relationships/slideLayout" Target="../slideLayouts/slideLayout94.xml"/><Relationship Id="rId27" Type="http://schemas.openxmlformats.org/officeDocument/2006/relationships/slideLayout" Target="../slideLayouts/slideLayout99.xml"/><Relationship Id="rId30" Type="http://schemas.openxmlformats.org/officeDocument/2006/relationships/slideLayout" Target="../slideLayouts/slideLayout102.xml"/><Relationship Id="rId35" Type="http://schemas.openxmlformats.org/officeDocument/2006/relationships/slideLayout" Target="../slideLayouts/slideLayout107.xml"/><Relationship Id="rId8" Type="http://schemas.openxmlformats.org/officeDocument/2006/relationships/slideLayout" Target="../slideLayouts/slideLayout80.xml"/><Relationship Id="rId3" Type="http://schemas.openxmlformats.org/officeDocument/2006/relationships/slideLayout" Target="../slideLayouts/slideLayout75.xml"/></Relationships>
</file>

<file path=ppt/slideMasters/_rels/slideMaster4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21.xml"/><Relationship Id="rId18" Type="http://schemas.openxmlformats.org/officeDocument/2006/relationships/slideLayout" Target="../slideLayouts/slideLayout126.xml"/><Relationship Id="rId26" Type="http://schemas.openxmlformats.org/officeDocument/2006/relationships/slideLayout" Target="../slideLayouts/slideLayout134.xml"/><Relationship Id="rId21" Type="http://schemas.openxmlformats.org/officeDocument/2006/relationships/slideLayout" Target="../slideLayouts/slideLayout129.xml"/><Relationship Id="rId34" Type="http://schemas.openxmlformats.org/officeDocument/2006/relationships/slideLayout" Target="../slideLayouts/slideLayout142.xml"/><Relationship Id="rId7" Type="http://schemas.openxmlformats.org/officeDocument/2006/relationships/slideLayout" Target="../slideLayouts/slideLayout115.xml"/><Relationship Id="rId12" Type="http://schemas.openxmlformats.org/officeDocument/2006/relationships/slideLayout" Target="../slideLayouts/slideLayout120.xml"/><Relationship Id="rId17" Type="http://schemas.openxmlformats.org/officeDocument/2006/relationships/slideLayout" Target="../slideLayouts/slideLayout125.xml"/><Relationship Id="rId25" Type="http://schemas.openxmlformats.org/officeDocument/2006/relationships/slideLayout" Target="../slideLayouts/slideLayout133.xml"/><Relationship Id="rId33" Type="http://schemas.openxmlformats.org/officeDocument/2006/relationships/slideLayout" Target="../slideLayouts/slideLayout14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10.xml"/><Relationship Id="rId16" Type="http://schemas.openxmlformats.org/officeDocument/2006/relationships/slideLayout" Target="../slideLayouts/slideLayout124.xml"/><Relationship Id="rId20" Type="http://schemas.openxmlformats.org/officeDocument/2006/relationships/slideLayout" Target="../slideLayouts/slideLayout128.xml"/><Relationship Id="rId29" Type="http://schemas.openxmlformats.org/officeDocument/2006/relationships/slideLayout" Target="../slideLayouts/slideLayout137.xml"/><Relationship Id="rId1" Type="http://schemas.openxmlformats.org/officeDocument/2006/relationships/slideLayout" Target="../slideLayouts/slideLayout109.xml"/><Relationship Id="rId6" Type="http://schemas.openxmlformats.org/officeDocument/2006/relationships/slideLayout" Target="../slideLayouts/slideLayout114.xml"/><Relationship Id="rId11" Type="http://schemas.openxmlformats.org/officeDocument/2006/relationships/slideLayout" Target="../slideLayouts/slideLayout119.xml"/><Relationship Id="rId24" Type="http://schemas.openxmlformats.org/officeDocument/2006/relationships/slideLayout" Target="../slideLayouts/slideLayout132.xml"/><Relationship Id="rId32" Type="http://schemas.openxmlformats.org/officeDocument/2006/relationships/slideLayout" Target="../slideLayouts/slideLayout140.xml"/><Relationship Id="rId37" Type="http://schemas.openxmlformats.org/officeDocument/2006/relationships/theme" Target="../theme/theme4.xml"/><Relationship Id="rId5" Type="http://schemas.openxmlformats.org/officeDocument/2006/relationships/slideLayout" Target="../slideLayouts/slideLayout113.xml"/><Relationship Id="rId15" Type="http://schemas.openxmlformats.org/officeDocument/2006/relationships/slideLayout" Target="../slideLayouts/slideLayout123.xml"/><Relationship Id="rId23" Type="http://schemas.openxmlformats.org/officeDocument/2006/relationships/slideLayout" Target="../slideLayouts/slideLayout131.xml"/><Relationship Id="rId28" Type="http://schemas.openxmlformats.org/officeDocument/2006/relationships/slideLayout" Target="../slideLayouts/slideLayout136.xml"/><Relationship Id="rId36" Type="http://schemas.openxmlformats.org/officeDocument/2006/relationships/slideLayout" Target="../slideLayouts/slideLayout144.xml"/><Relationship Id="rId10" Type="http://schemas.openxmlformats.org/officeDocument/2006/relationships/slideLayout" Target="../slideLayouts/slideLayout118.xml"/><Relationship Id="rId19" Type="http://schemas.openxmlformats.org/officeDocument/2006/relationships/slideLayout" Target="../slideLayouts/slideLayout127.xml"/><Relationship Id="rId31" Type="http://schemas.openxmlformats.org/officeDocument/2006/relationships/slideLayout" Target="../slideLayouts/slideLayout139.xml"/><Relationship Id="rId4" Type="http://schemas.openxmlformats.org/officeDocument/2006/relationships/slideLayout" Target="../slideLayouts/slideLayout112.xml"/><Relationship Id="rId9" Type="http://schemas.openxmlformats.org/officeDocument/2006/relationships/slideLayout" Target="../slideLayouts/slideLayout117.xml"/><Relationship Id="rId14" Type="http://schemas.openxmlformats.org/officeDocument/2006/relationships/slideLayout" Target="../slideLayouts/slideLayout122.xml"/><Relationship Id="rId22" Type="http://schemas.openxmlformats.org/officeDocument/2006/relationships/slideLayout" Target="../slideLayouts/slideLayout130.xml"/><Relationship Id="rId27" Type="http://schemas.openxmlformats.org/officeDocument/2006/relationships/slideLayout" Target="../slideLayouts/slideLayout135.xml"/><Relationship Id="rId30" Type="http://schemas.openxmlformats.org/officeDocument/2006/relationships/slideLayout" Target="../slideLayouts/slideLayout138.xml"/><Relationship Id="rId35" Type="http://schemas.openxmlformats.org/officeDocument/2006/relationships/slideLayout" Target="../slideLayouts/slideLayout143.xml"/><Relationship Id="rId8" Type="http://schemas.openxmlformats.org/officeDocument/2006/relationships/slideLayout" Target="../slideLayouts/slideLayout116.xml"/><Relationship Id="rId3" Type="http://schemas.openxmlformats.org/officeDocument/2006/relationships/slideLayout" Target="../slideLayouts/slideLayout111.xml"/></Relationships>
</file>

<file path=ppt/slideMasters/_rels/slideMaster5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57.xml"/><Relationship Id="rId18" Type="http://schemas.openxmlformats.org/officeDocument/2006/relationships/slideLayout" Target="../slideLayouts/slideLayout162.xml"/><Relationship Id="rId26" Type="http://schemas.openxmlformats.org/officeDocument/2006/relationships/slideLayout" Target="../slideLayouts/slideLayout170.xml"/><Relationship Id="rId21" Type="http://schemas.openxmlformats.org/officeDocument/2006/relationships/slideLayout" Target="../slideLayouts/slideLayout165.xml"/><Relationship Id="rId34" Type="http://schemas.openxmlformats.org/officeDocument/2006/relationships/slideLayout" Target="../slideLayouts/slideLayout178.xml"/><Relationship Id="rId7" Type="http://schemas.openxmlformats.org/officeDocument/2006/relationships/slideLayout" Target="../slideLayouts/slideLayout151.xml"/><Relationship Id="rId12" Type="http://schemas.openxmlformats.org/officeDocument/2006/relationships/slideLayout" Target="../slideLayouts/slideLayout156.xml"/><Relationship Id="rId17" Type="http://schemas.openxmlformats.org/officeDocument/2006/relationships/slideLayout" Target="../slideLayouts/slideLayout161.xml"/><Relationship Id="rId25" Type="http://schemas.openxmlformats.org/officeDocument/2006/relationships/slideLayout" Target="../slideLayouts/slideLayout169.xml"/><Relationship Id="rId33" Type="http://schemas.openxmlformats.org/officeDocument/2006/relationships/slideLayout" Target="../slideLayouts/slideLayout177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46.xml"/><Relationship Id="rId16" Type="http://schemas.openxmlformats.org/officeDocument/2006/relationships/slideLayout" Target="../slideLayouts/slideLayout160.xml"/><Relationship Id="rId20" Type="http://schemas.openxmlformats.org/officeDocument/2006/relationships/slideLayout" Target="../slideLayouts/slideLayout164.xml"/><Relationship Id="rId29" Type="http://schemas.openxmlformats.org/officeDocument/2006/relationships/slideLayout" Target="../slideLayouts/slideLayout173.xml"/><Relationship Id="rId1" Type="http://schemas.openxmlformats.org/officeDocument/2006/relationships/slideLayout" Target="../slideLayouts/slideLayout145.xml"/><Relationship Id="rId6" Type="http://schemas.openxmlformats.org/officeDocument/2006/relationships/slideLayout" Target="../slideLayouts/slideLayout150.xml"/><Relationship Id="rId11" Type="http://schemas.openxmlformats.org/officeDocument/2006/relationships/slideLayout" Target="../slideLayouts/slideLayout155.xml"/><Relationship Id="rId24" Type="http://schemas.openxmlformats.org/officeDocument/2006/relationships/slideLayout" Target="../slideLayouts/slideLayout168.xml"/><Relationship Id="rId32" Type="http://schemas.openxmlformats.org/officeDocument/2006/relationships/slideLayout" Target="../slideLayouts/slideLayout176.xml"/><Relationship Id="rId37" Type="http://schemas.openxmlformats.org/officeDocument/2006/relationships/theme" Target="../theme/theme5.xml"/><Relationship Id="rId5" Type="http://schemas.openxmlformats.org/officeDocument/2006/relationships/slideLayout" Target="../slideLayouts/slideLayout149.xml"/><Relationship Id="rId15" Type="http://schemas.openxmlformats.org/officeDocument/2006/relationships/slideLayout" Target="../slideLayouts/slideLayout159.xml"/><Relationship Id="rId23" Type="http://schemas.openxmlformats.org/officeDocument/2006/relationships/slideLayout" Target="../slideLayouts/slideLayout167.xml"/><Relationship Id="rId28" Type="http://schemas.openxmlformats.org/officeDocument/2006/relationships/slideLayout" Target="../slideLayouts/slideLayout172.xml"/><Relationship Id="rId36" Type="http://schemas.openxmlformats.org/officeDocument/2006/relationships/slideLayout" Target="../slideLayouts/slideLayout180.xml"/><Relationship Id="rId10" Type="http://schemas.openxmlformats.org/officeDocument/2006/relationships/slideLayout" Target="../slideLayouts/slideLayout154.xml"/><Relationship Id="rId19" Type="http://schemas.openxmlformats.org/officeDocument/2006/relationships/slideLayout" Target="../slideLayouts/slideLayout163.xml"/><Relationship Id="rId31" Type="http://schemas.openxmlformats.org/officeDocument/2006/relationships/slideLayout" Target="../slideLayouts/slideLayout175.xml"/><Relationship Id="rId4" Type="http://schemas.openxmlformats.org/officeDocument/2006/relationships/slideLayout" Target="../slideLayouts/slideLayout148.xml"/><Relationship Id="rId9" Type="http://schemas.openxmlformats.org/officeDocument/2006/relationships/slideLayout" Target="../slideLayouts/slideLayout153.xml"/><Relationship Id="rId14" Type="http://schemas.openxmlformats.org/officeDocument/2006/relationships/slideLayout" Target="../slideLayouts/slideLayout158.xml"/><Relationship Id="rId22" Type="http://schemas.openxmlformats.org/officeDocument/2006/relationships/slideLayout" Target="../slideLayouts/slideLayout166.xml"/><Relationship Id="rId27" Type="http://schemas.openxmlformats.org/officeDocument/2006/relationships/slideLayout" Target="../slideLayouts/slideLayout171.xml"/><Relationship Id="rId30" Type="http://schemas.openxmlformats.org/officeDocument/2006/relationships/slideLayout" Target="../slideLayouts/slideLayout174.xml"/><Relationship Id="rId35" Type="http://schemas.openxmlformats.org/officeDocument/2006/relationships/slideLayout" Target="../slideLayouts/slideLayout179.xml"/><Relationship Id="rId8" Type="http://schemas.openxmlformats.org/officeDocument/2006/relationships/slideLayout" Target="../slideLayouts/slideLayout152.xml"/><Relationship Id="rId3" Type="http://schemas.openxmlformats.org/officeDocument/2006/relationships/slideLayout" Target="../slideLayouts/slideLayout147.xml"/></Relationships>
</file>

<file path=ppt/slideMasters/_rels/slideMaster6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93.xml"/><Relationship Id="rId18" Type="http://schemas.openxmlformats.org/officeDocument/2006/relationships/slideLayout" Target="../slideLayouts/slideLayout198.xml"/><Relationship Id="rId26" Type="http://schemas.openxmlformats.org/officeDocument/2006/relationships/slideLayout" Target="../slideLayouts/slideLayout206.xml"/><Relationship Id="rId21" Type="http://schemas.openxmlformats.org/officeDocument/2006/relationships/slideLayout" Target="../slideLayouts/slideLayout201.xml"/><Relationship Id="rId34" Type="http://schemas.openxmlformats.org/officeDocument/2006/relationships/slideLayout" Target="../slideLayouts/slideLayout214.xml"/><Relationship Id="rId7" Type="http://schemas.openxmlformats.org/officeDocument/2006/relationships/slideLayout" Target="../slideLayouts/slideLayout187.xml"/><Relationship Id="rId12" Type="http://schemas.openxmlformats.org/officeDocument/2006/relationships/slideLayout" Target="../slideLayouts/slideLayout192.xml"/><Relationship Id="rId17" Type="http://schemas.openxmlformats.org/officeDocument/2006/relationships/slideLayout" Target="../slideLayouts/slideLayout197.xml"/><Relationship Id="rId25" Type="http://schemas.openxmlformats.org/officeDocument/2006/relationships/slideLayout" Target="../slideLayouts/slideLayout205.xml"/><Relationship Id="rId33" Type="http://schemas.openxmlformats.org/officeDocument/2006/relationships/slideLayout" Target="../slideLayouts/slideLayout213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182.xml"/><Relationship Id="rId16" Type="http://schemas.openxmlformats.org/officeDocument/2006/relationships/slideLayout" Target="../slideLayouts/slideLayout196.xml"/><Relationship Id="rId20" Type="http://schemas.openxmlformats.org/officeDocument/2006/relationships/slideLayout" Target="../slideLayouts/slideLayout200.xml"/><Relationship Id="rId29" Type="http://schemas.openxmlformats.org/officeDocument/2006/relationships/slideLayout" Target="../slideLayouts/slideLayout209.xml"/><Relationship Id="rId1" Type="http://schemas.openxmlformats.org/officeDocument/2006/relationships/slideLayout" Target="../slideLayouts/slideLayout181.xml"/><Relationship Id="rId6" Type="http://schemas.openxmlformats.org/officeDocument/2006/relationships/slideLayout" Target="../slideLayouts/slideLayout186.xml"/><Relationship Id="rId11" Type="http://schemas.openxmlformats.org/officeDocument/2006/relationships/slideLayout" Target="../slideLayouts/slideLayout191.xml"/><Relationship Id="rId24" Type="http://schemas.openxmlformats.org/officeDocument/2006/relationships/slideLayout" Target="../slideLayouts/slideLayout204.xml"/><Relationship Id="rId32" Type="http://schemas.openxmlformats.org/officeDocument/2006/relationships/slideLayout" Target="../slideLayouts/slideLayout212.xml"/><Relationship Id="rId37" Type="http://schemas.openxmlformats.org/officeDocument/2006/relationships/theme" Target="../theme/theme6.xml"/><Relationship Id="rId5" Type="http://schemas.openxmlformats.org/officeDocument/2006/relationships/slideLayout" Target="../slideLayouts/slideLayout185.xml"/><Relationship Id="rId15" Type="http://schemas.openxmlformats.org/officeDocument/2006/relationships/slideLayout" Target="../slideLayouts/slideLayout195.xml"/><Relationship Id="rId23" Type="http://schemas.openxmlformats.org/officeDocument/2006/relationships/slideLayout" Target="../slideLayouts/slideLayout203.xml"/><Relationship Id="rId28" Type="http://schemas.openxmlformats.org/officeDocument/2006/relationships/slideLayout" Target="../slideLayouts/slideLayout208.xml"/><Relationship Id="rId36" Type="http://schemas.openxmlformats.org/officeDocument/2006/relationships/slideLayout" Target="../slideLayouts/slideLayout216.xml"/><Relationship Id="rId10" Type="http://schemas.openxmlformats.org/officeDocument/2006/relationships/slideLayout" Target="../slideLayouts/slideLayout190.xml"/><Relationship Id="rId19" Type="http://schemas.openxmlformats.org/officeDocument/2006/relationships/slideLayout" Target="../slideLayouts/slideLayout199.xml"/><Relationship Id="rId31" Type="http://schemas.openxmlformats.org/officeDocument/2006/relationships/slideLayout" Target="../slideLayouts/slideLayout211.xml"/><Relationship Id="rId4" Type="http://schemas.openxmlformats.org/officeDocument/2006/relationships/slideLayout" Target="../slideLayouts/slideLayout184.xml"/><Relationship Id="rId9" Type="http://schemas.openxmlformats.org/officeDocument/2006/relationships/slideLayout" Target="../slideLayouts/slideLayout189.xml"/><Relationship Id="rId14" Type="http://schemas.openxmlformats.org/officeDocument/2006/relationships/slideLayout" Target="../slideLayouts/slideLayout194.xml"/><Relationship Id="rId22" Type="http://schemas.openxmlformats.org/officeDocument/2006/relationships/slideLayout" Target="../slideLayouts/slideLayout202.xml"/><Relationship Id="rId27" Type="http://schemas.openxmlformats.org/officeDocument/2006/relationships/slideLayout" Target="../slideLayouts/slideLayout207.xml"/><Relationship Id="rId30" Type="http://schemas.openxmlformats.org/officeDocument/2006/relationships/slideLayout" Target="../slideLayouts/slideLayout210.xml"/><Relationship Id="rId35" Type="http://schemas.openxmlformats.org/officeDocument/2006/relationships/slideLayout" Target="../slideLayouts/slideLayout215.xml"/><Relationship Id="rId8" Type="http://schemas.openxmlformats.org/officeDocument/2006/relationships/slideLayout" Target="../slideLayouts/slideLayout188.xml"/><Relationship Id="rId3" Type="http://schemas.openxmlformats.org/officeDocument/2006/relationships/slideLayout" Target="../slideLayouts/slideLayout183.xml"/></Relationships>
</file>

<file path=ppt/slideMasters/_rels/slideMaster7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29.xml"/><Relationship Id="rId18" Type="http://schemas.openxmlformats.org/officeDocument/2006/relationships/slideLayout" Target="../slideLayouts/slideLayout234.xml"/><Relationship Id="rId26" Type="http://schemas.openxmlformats.org/officeDocument/2006/relationships/slideLayout" Target="../slideLayouts/slideLayout242.xml"/><Relationship Id="rId21" Type="http://schemas.openxmlformats.org/officeDocument/2006/relationships/slideLayout" Target="../slideLayouts/slideLayout237.xml"/><Relationship Id="rId34" Type="http://schemas.openxmlformats.org/officeDocument/2006/relationships/slideLayout" Target="../slideLayouts/slideLayout250.xml"/><Relationship Id="rId7" Type="http://schemas.openxmlformats.org/officeDocument/2006/relationships/slideLayout" Target="../slideLayouts/slideLayout223.xml"/><Relationship Id="rId12" Type="http://schemas.openxmlformats.org/officeDocument/2006/relationships/slideLayout" Target="../slideLayouts/slideLayout228.xml"/><Relationship Id="rId17" Type="http://schemas.openxmlformats.org/officeDocument/2006/relationships/slideLayout" Target="../slideLayouts/slideLayout233.xml"/><Relationship Id="rId25" Type="http://schemas.openxmlformats.org/officeDocument/2006/relationships/slideLayout" Target="../slideLayouts/slideLayout241.xml"/><Relationship Id="rId33" Type="http://schemas.openxmlformats.org/officeDocument/2006/relationships/slideLayout" Target="../slideLayouts/slideLayout249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18.xml"/><Relationship Id="rId16" Type="http://schemas.openxmlformats.org/officeDocument/2006/relationships/slideLayout" Target="../slideLayouts/slideLayout232.xml"/><Relationship Id="rId20" Type="http://schemas.openxmlformats.org/officeDocument/2006/relationships/slideLayout" Target="../slideLayouts/slideLayout236.xml"/><Relationship Id="rId29" Type="http://schemas.openxmlformats.org/officeDocument/2006/relationships/slideLayout" Target="../slideLayouts/slideLayout245.xml"/><Relationship Id="rId1" Type="http://schemas.openxmlformats.org/officeDocument/2006/relationships/slideLayout" Target="../slideLayouts/slideLayout217.xml"/><Relationship Id="rId6" Type="http://schemas.openxmlformats.org/officeDocument/2006/relationships/slideLayout" Target="../slideLayouts/slideLayout222.xml"/><Relationship Id="rId11" Type="http://schemas.openxmlformats.org/officeDocument/2006/relationships/slideLayout" Target="../slideLayouts/slideLayout227.xml"/><Relationship Id="rId24" Type="http://schemas.openxmlformats.org/officeDocument/2006/relationships/slideLayout" Target="../slideLayouts/slideLayout240.xml"/><Relationship Id="rId32" Type="http://schemas.openxmlformats.org/officeDocument/2006/relationships/slideLayout" Target="../slideLayouts/slideLayout248.xml"/><Relationship Id="rId37" Type="http://schemas.openxmlformats.org/officeDocument/2006/relationships/theme" Target="../theme/theme7.xml"/><Relationship Id="rId5" Type="http://schemas.openxmlformats.org/officeDocument/2006/relationships/slideLayout" Target="../slideLayouts/slideLayout221.xml"/><Relationship Id="rId15" Type="http://schemas.openxmlformats.org/officeDocument/2006/relationships/slideLayout" Target="../slideLayouts/slideLayout231.xml"/><Relationship Id="rId23" Type="http://schemas.openxmlformats.org/officeDocument/2006/relationships/slideLayout" Target="../slideLayouts/slideLayout239.xml"/><Relationship Id="rId28" Type="http://schemas.openxmlformats.org/officeDocument/2006/relationships/slideLayout" Target="../slideLayouts/slideLayout244.xml"/><Relationship Id="rId36" Type="http://schemas.openxmlformats.org/officeDocument/2006/relationships/slideLayout" Target="../slideLayouts/slideLayout252.xml"/><Relationship Id="rId10" Type="http://schemas.openxmlformats.org/officeDocument/2006/relationships/slideLayout" Target="../slideLayouts/slideLayout226.xml"/><Relationship Id="rId19" Type="http://schemas.openxmlformats.org/officeDocument/2006/relationships/slideLayout" Target="../slideLayouts/slideLayout235.xml"/><Relationship Id="rId31" Type="http://schemas.openxmlformats.org/officeDocument/2006/relationships/slideLayout" Target="../slideLayouts/slideLayout247.xml"/><Relationship Id="rId4" Type="http://schemas.openxmlformats.org/officeDocument/2006/relationships/slideLayout" Target="../slideLayouts/slideLayout220.xml"/><Relationship Id="rId9" Type="http://schemas.openxmlformats.org/officeDocument/2006/relationships/slideLayout" Target="../slideLayouts/slideLayout225.xml"/><Relationship Id="rId14" Type="http://schemas.openxmlformats.org/officeDocument/2006/relationships/slideLayout" Target="../slideLayouts/slideLayout230.xml"/><Relationship Id="rId22" Type="http://schemas.openxmlformats.org/officeDocument/2006/relationships/slideLayout" Target="../slideLayouts/slideLayout238.xml"/><Relationship Id="rId27" Type="http://schemas.openxmlformats.org/officeDocument/2006/relationships/slideLayout" Target="../slideLayouts/slideLayout243.xml"/><Relationship Id="rId30" Type="http://schemas.openxmlformats.org/officeDocument/2006/relationships/slideLayout" Target="../slideLayouts/slideLayout246.xml"/><Relationship Id="rId35" Type="http://schemas.openxmlformats.org/officeDocument/2006/relationships/slideLayout" Target="../slideLayouts/slideLayout251.xml"/><Relationship Id="rId8" Type="http://schemas.openxmlformats.org/officeDocument/2006/relationships/slideLayout" Target="../slideLayouts/slideLayout224.xml"/><Relationship Id="rId3" Type="http://schemas.openxmlformats.org/officeDocument/2006/relationships/slideLayout" Target="../slideLayouts/slideLayout219.xml"/></Relationships>
</file>

<file path=ppt/slideMasters/_rels/slideMaster8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65.xml"/><Relationship Id="rId18" Type="http://schemas.openxmlformats.org/officeDocument/2006/relationships/slideLayout" Target="../slideLayouts/slideLayout270.xml"/><Relationship Id="rId26" Type="http://schemas.openxmlformats.org/officeDocument/2006/relationships/slideLayout" Target="../slideLayouts/slideLayout278.xml"/><Relationship Id="rId21" Type="http://schemas.openxmlformats.org/officeDocument/2006/relationships/slideLayout" Target="../slideLayouts/slideLayout273.xml"/><Relationship Id="rId34" Type="http://schemas.openxmlformats.org/officeDocument/2006/relationships/slideLayout" Target="../slideLayouts/slideLayout286.xml"/><Relationship Id="rId7" Type="http://schemas.openxmlformats.org/officeDocument/2006/relationships/slideLayout" Target="../slideLayouts/slideLayout259.xml"/><Relationship Id="rId12" Type="http://schemas.openxmlformats.org/officeDocument/2006/relationships/slideLayout" Target="../slideLayouts/slideLayout264.xml"/><Relationship Id="rId17" Type="http://schemas.openxmlformats.org/officeDocument/2006/relationships/slideLayout" Target="../slideLayouts/slideLayout269.xml"/><Relationship Id="rId25" Type="http://schemas.openxmlformats.org/officeDocument/2006/relationships/slideLayout" Target="../slideLayouts/slideLayout277.xml"/><Relationship Id="rId33" Type="http://schemas.openxmlformats.org/officeDocument/2006/relationships/slideLayout" Target="../slideLayouts/slideLayout285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54.xml"/><Relationship Id="rId16" Type="http://schemas.openxmlformats.org/officeDocument/2006/relationships/slideLayout" Target="../slideLayouts/slideLayout268.xml"/><Relationship Id="rId20" Type="http://schemas.openxmlformats.org/officeDocument/2006/relationships/slideLayout" Target="../slideLayouts/slideLayout272.xml"/><Relationship Id="rId29" Type="http://schemas.openxmlformats.org/officeDocument/2006/relationships/slideLayout" Target="../slideLayouts/slideLayout281.xml"/><Relationship Id="rId1" Type="http://schemas.openxmlformats.org/officeDocument/2006/relationships/slideLayout" Target="../slideLayouts/slideLayout253.xml"/><Relationship Id="rId6" Type="http://schemas.openxmlformats.org/officeDocument/2006/relationships/slideLayout" Target="../slideLayouts/slideLayout258.xml"/><Relationship Id="rId11" Type="http://schemas.openxmlformats.org/officeDocument/2006/relationships/slideLayout" Target="../slideLayouts/slideLayout263.xml"/><Relationship Id="rId24" Type="http://schemas.openxmlformats.org/officeDocument/2006/relationships/slideLayout" Target="../slideLayouts/slideLayout276.xml"/><Relationship Id="rId32" Type="http://schemas.openxmlformats.org/officeDocument/2006/relationships/slideLayout" Target="../slideLayouts/slideLayout284.xml"/><Relationship Id="rId37" Type="http://schemas.openxmlformats.org/officeDocument/2006/relationships/theme" Target="../theme/theme8.xml"/><Relationship Id="rId5" Type="http://schemas.openxmlformats.org/officeDocument/2006/relationships/slideLayout" Target="../slideLayouts/slideLayout257.xml"/><Relationship Id="rId15" Type="http://schemas.openxmlformats.org/officeDocument/2006/relationships/slideLayout" Target="../slideLayouts/slideLayout267.xml"/><Relationship Id="rId23" Type="http://schemas.openxmlformats.org/officeDocument/2006/relationships/slideLayout" Target="../slideLayouts/slideLayout275.xml"/><Relationship Id="rId28" Type="http://schemas.openxmlformats.org/officeDocument/2006/relationships/slideLayout" Target="../slideLayouts/slideLayout280.xml"/><Relationship Id="rId36" Type="http://schemas.openxmlformats.org/officeDocument/2006/relationships/slideLayout" Target="../slideLayouts/slideLayout288.xml"/><Relationship Id="rId10" Type="http://schemas.openxmlformats.org/officeDocument/2006/relationships/slideLayout" Target="../slideLayouts/slideLayout262.xml"/><Relationship Id="rId19" Type="http://schemas.openxmlformats.org/officeDocument/2006/relationships/slideLayout" Target="../slideLayouts/slideLayout271.xml"/><Relationship Id="rId31" Type="http://schemas.openxmlformats.org/officeDocument/2006/relationships/slideLayout" Target="../slideLayouts/slideLayout283.xml"/><Relationship Id="rId4" Type="http://schemas.openxmlformats.org/officeDocument/2006/relationships/slideLayout" Target="../slideLayouts/slideLayout256.xml"/><Relationship Id="rId9" Type="http://schemas.openxmlformats.org/officeDocument/2006/relationships/slideLayout" Target="../slideLayouts/slideLayout261.xml"/><Relationship Id="rId14" Type="http://schemas.openxmlformats.org/officeDocument/2006/relationships/slideLayout" Target="../slideLayouts/slideLayout266.xml"/><Relationship Id="rId22" Type="http://schemas.openxmlformats.org/officeDocument/2006/relationships/slideLayout" Target="../slideLayouts/slideLayout274.xml"/><Relationship Id="rId27" Type="http://schemas.openxmlformats.org/officeDocument/2006/relationships/slideLayout" Target="../slideLayouts/slideLayout279.xml"/><Relationship Id="rId30" Type="http://schemas.openxmlformats.org/officeDocument/2006/relationships/slideLayout" Target="../slideLayouts/slideLayout282.xml"/><Relationship Id="rId35" Type="http://schemas.openxmlformats.org/officeDocument/2006/relationships/slideLayout" Target="../slideLayouts/slideLayout287.xml"/><Relationship Id="rId8" Type="http://schemas.openxmlformats.org/officeDocument/2006/relationships/slideLayout" Target="../slideLayouts/slideLayout260.xml"/><Relationship Id="rId3" Type="http://schemas.openxmlformats.org/officeDocument/2006/relationships/slideLayout" Target="../slideLayouts/slideLayout255.xml"/></Relationships>
</file>

<file path=ppt/slideMasters/_rels/slideMaster9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01.xml"/><Relationship Id="rId18" Type="http://schemas.openxmlformats.org/officeDocument/2006/relationships/slideLayout" Target="../slideLayouts/slideLayout306.xml"/><Relationship Id="rId26" Type="http://schemas.openxmlformats.org/officeDocument/2006/relationships/slideLayout" Target="../slideLayouts/slideLayout314.xml"/><Relationship Id="rId21" Type="http://schemas.openxmlformats.org/officeDocument/2006/relationships/slideLayout" Target="../slideLayouts/slideLayout309.xml"/><Relationship Id="rId34" Type="http://schemas.openxmlformats.org/officeDocument/2006/relationships/slideLayout" Target="../slideLayouts/slideLayout322.xml"/><Relationship Id="rId7" Type="http://schemas.openxmlformats.org/officeDocument/2006/relationships/slideLayout" Target="../slideLayouts/slideLayout295.xml"/><Relationship Id="rId12" Type="http://schemas.openxmlformats.org/officeDocument/2006/relationships/slideLayout" Target="../slideLayouts/slideLayout300.xml"/><Relationship Id="rId17" Type="http://schemas.openxmlformats.org/officeDocument/2006/relationships/slideLayout" Target="../slideLayouts/slideLayout305.xml"/><Relationship Id="rId25" Type="http://schemas.openxmlformats.org/officeDocument/2006/relationships/slideLayout" Target="../slideLayouts/slideLayout313.xml"/><Relationship Id="rId33" Type="http://schemas.openxmlformats.org/officeDocument/2006/relationships/slideLayout" Target="../slideLayouts/slideLayout321.xml"/><Relationship Id="rId38" Type="http://schemas.openxmlformats.org/officeDocument/2006/relationships/image" Target="../media/image1.png"/><Relationship Id="rId2" Type="http://schemas.openxmlformats.org/officeDocument/2006/relationships/slideLayout" Target="../slideLayouts/slideLayout290.xml"/><Relationship Id="rId16" Type="http://schemas.openxmlformats.org/officeDocument/2006/relationships/slideLayout" Target="../slideLayouts/slideLayout304.xml"/><Relationship Id="rId20" Type="http://schemas.openxmlformats.org/officeDocument/2006/relationships/slideLayout" Target="../slideLayouts/slideLayout308.xml"/><Relationship Id="rId29" Type="http://schemas.openxmlformats.org/officeDocument/2006/relationships/slideLayout" Target="../slideLayouts/slideLayout317.xml"/><Relationship Id="rId1" Type="http://schemas.openxmlformats.org/officeDocument/2006/relationships/slideLayout" Target="../slideLayouts/slideLayout289.xml"/><Relationship Id="rId6" Type="http://schemas.openxmlformats.org/officeDocument/2006/relationships/slideLayout" Target="../slideLayouts/slideLayout294.xml"/><Relationship Id="rId11" Type="http://schemas.openxmlformats.org/officeDocument/2006/relationships/slideLayout" Target="../slideLayouts/slideLayout299.xml"/><Relationship Id="rId24" Type="http://schemas.openxmlformats.org/officeDocument/2006/relationships/slideLayout" Target="../slideLayouts/slideLayout312.xml"/><Relationship Id="rId32" Type="http://schemas.openxmlformats.org/officeDocument/2006/relationships/slideLayout" Target="../slideLayouts/slideLayout320.xml"/><Relationship Id="rId37" Type="http://schemas.openxmlformats.org/officeDocument/2006/relationships/theme" Target="../theme/theme9.xml"/><Relationship Id="rId5" Type="http://schemas.openxmlformats.org/officeDocument/2006/relationships/slideLayout" Target="../slideLayouts/slideLayout293.xml"/><Relationship Id="rId15" Type="http://schemas.openxmlformats.org/officeDocument/2006/relationships/slideLayout" Target="../slideLayouts/slideLayout303.xml"/><Relationship Id="rId23" Type="http://schemas.openxmlformats.org/officeDocument/2006/relationships/slideLayout" Target="../slideLayouts/slideLayout311.xml"/><Relationship Id="rId28" Type="http://schemas.openxmlformats.org/officeDocument/2006/relationships/slideLayout" Target="../slideLayouts/slideLayout316.xml"/><Relationship Id="rId36" Type="http://schemas.openxmlformats.org/officeDocument/2006/relationships/slideLayout" Target="../slideLayouts/slideLayout324.xml"/><Relationship Id="rId10" Type="http://schemas.openxmlformats.org/officeDocument/2006/relationships/slideLayout" Target="../slideLayouts/slideLayout298.xml"/><Relationship Id="rId19" Type="http://schemas.openxmlformats.org/officeDocument/2006/relationships/slideLayout" Target="../slideLayouts/slideLayout307.xml"/><Relationship Id="rId31" Type="http://schemas.openxmlformats.org/officeDocument/2006/relationships/slideLayout" Target="../slideLayouts/slideLayout319.xml"/><Relationship Id="rId4" Type="http://schemas.openxmlformats.org/officeDocument/2006/relationships/slideLayout" Target="../slideLayouts/slideLayout292.xml"/><Relationship Id="rId9" Type="http://schemas.openxmlformats.org/officeDocument/2006/relationships/slideLayout" Target="../slideLayouts/slideLayout297.xml"/><Relationship Id="rId14" Type="http://schemas.openxmlformats.org/officeDocument/2006/relationships/slideLayout" Target="../slideLayouts/slideLayout302.xml"/><Relationship Id="rId22" Type="http://schemas.openxmlformats.org/officeDocument/2006/relationships/slideLayout" Target="../slideLayouts/slideLayout310.xml"/><Relationship Id="rId27" Type="http://schemas.openxmlformats.org/officeDocument/2006/relationships/slideLayout" Target="../slideLayouts/slideLayout315.xml"/><Relationship Id="rId30" Type="http://schemas.openxmlformats.org/officeDocument/2006/relationships/slideLayout" Target="../slideLayouts/slideLayout318.xml"/><Relationship Id="rId35" Type="http://schemas.openxmlformats.org/officeDocument/2006/relationships/slideLayout" Target="../slideLayouts/slideLayout323.xml"/><Relationship Id="rId8" Type="http://schemas.openxmlformats.org/officeDocument/2006/relationships/slideLayout" Target="../slideLayouts/slideLayout296.xml"/><Relationship Id="rId3" Type="http://schemas.openxmlformats.org/officeDocument/2006/relationships/slideLayout" Target="../slideLayouts/slideLayout29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993459149" name="image" descr="{&quot;templafy&quot;:{&quot;id&quot;:&quot;98c6f09c-06cb-4983-b55f-33a1a6d93884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8" name="Footer Placeholder 1">
            <a:extLst>
              <a:ext uri="{FF2B5EF4-FFF2-40B4-BE49-F238E27FC236}">
                <a16:creationId xmlns:a16="http://schemas.microsoft.com/office/drawing/2014/main" id="{1E8CBCB4-873D-4F55-8E7E-03C1A4A2152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9" name="Date Placeholder 7">
            <a:extLst>
              <a:ext uri="{FF2B5EF4-FFF2-40B4-BE49-F238E27FC236}">
                <a16:creationId xmlns:a16="http://schemas.microsoft.com/office/drawing/2014/main" id="{C5FB049E-2704-434F-8B64-8A45DB400C3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9315433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508" r:id="rId1"/>
    <p:sldLayoutId id="2147485509" r:id="rId2"/>
    <p:sldLayoutId id="2147485510" r:id="rId3"/>
    <p:sldLayoutId id="2147485471" r:id="rId4"/>
    <p:sldLayoutId id="2147485472" r:id="rId5"/>
    <p:sldLayoutId id="2147485473" r:id="rId6"/>
    <p:sldLayoutId id="2147485474" r:id="rId7"/>
    <p:sldLayoutId id="2147485475" r:id="rId8"/>
    <p:sldLayoutId id="2147485476" r:id="rId9"/>
    <p:sldLayoutId id="2147485477" r:id="rId10"/>
    <p:sldLayoutId id="2147485478" r:id="rId11"/>
    <p:sldLayoutId id="2147485479" r:id="rId12"/>
    <p:sldLayoutId id="2147485480" r:id="rId13"/>
    <p:sldLayoutId id="2147485481" r:id="rId14"/>
    <p:sldLayoutId id="2147485482" r:id="rId15"/>
    <p:sldLayoutId id="2147485483" r:id="rId16"/>
    <p:sldLayoutId id="2147485484" r:id="rId17"/>
    <p:sldLayoutId id="2147485485" r:id="rId18"/>
    <p:sldLayoutId id="2147485486" r:id="rId19"/>
    <p:sldLayoutId id="2147485487" r:id="rId20"/>
    <p:sldLayoutId id="2147485488" r:id="rId21"/>
    <p:sldLayoutId id="2147485489" r:id="rId22"/>
    <p:sldLayoutId id="2147485490" r:id="rId23"/>
    <p:sldLayoutId id="2147485491" r:id="rId24"/>
    <p:sldLayoutId id="2147485492" r:id="rId25"/>
    <p:sldLayoutId id="2147485493" r:id="rId26"/>
    <p:sldLayoutId id="2147485494" r:id="rId27"/>
    <p:sldLayoutId id="2147485495" r:id="rId28"/>
    <p:sldLayoutId id="2147485496" r:id="rId29"/>
    <p:sldLayoutId id="2147485497" r:id="rId30"/>
    <p:sldLayoutId id="2147485498" r:id="rId31"/>
    <p:sldLayoutId id="2147485499" r:id="rId32"/>
    <p:sldLayoutId id="2147485500" r:id="rId33"/>
    <p:sldLayoutId id="2147485501" r:id="rId34"/>
    <p:sldLayoutId id="2147485502" r:id="rId35"/>
    <p:sldLayoutId id="2147485503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10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7D7770C2-5683-4F9C-9CAC-8F44D6815272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601977D8-8051-4C84-978C-C2368823670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811081733" name="image" descr="{&quot;templafy&quot;:{&quot;id&quot;:&quot;4e8bd36d-c90a-48fe-b679-672284ef0cdd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2CEE6E4C-125A-459A-ADD4-2639D11064A8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400C7371-21E9-4F61-A599-6A557F5358F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C0C4C3A8-9DE2-406B-98AC-789FFDF0124B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099608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95" r:id="rId1"/>
    <p:sldLayoutId id="2147486196" r:id="rId2"/>
    <p:sldLayoutId id="2147486197" r:id="rId3"/>
    <p:sldLayoutId id="2147486198" r:id="rId4"/>
    <p:sldLayoutId id="2147486199" r:id="rId5"/>
    <p:sldLayoutId id="2147486200" r:id="rId6"/>
    <p:sldLayoutId id="2147486201" r:id="rId7"/>
    <p:sldLayoutId id="2147486202" r:id="rId8"/>
    <p:sldLayoutId id="2147486203" r:id="rId9"/>
    <p:sldLayoutId id="2147486204" r:id="rId10"/>
    <p:sldLayoutId id="2147486205" r:id="rId11"/>
    <p:sldLayoutId id="2147486206" r:id="rId12"/>
    <p:sldLayoutId id="2147486207" r:id="rId13"/>
    <p:sldLayoutId id="2147486208" r:id="rId14"/>
    <p:sldLayoutId id="2147486209" r:id="rId15"/>
    <p:sldLayoutId id="2147486210" r:id="rId16"/>
    <p:sldLayoutId id="2147486211" r:id="rId17"/>
    <p:sldLayoutId id="2147486212" r:id="rId18"/>
    <p:sldLayoutId id="2147486213" r:id="rId19"/>
    <p:sldLayoutId id="2147486214" r:id="rId20"/>
    <p:sldLayoutId id="2147486215" r:id="rId21"/>
    <p:sldLayoutId id="2147486216" r:id="rId22"/>
    <p:sldLayoutId id="2147486217" r:id="rId23"/>
    <p:sldLayoutId id="2147486218" r:id="rId24"/>
    <p:sldLayoutId id="2147486219" r:id="rId25"/>
    <p:sldLayoutId id="2147486220" r:id="rId26"/>
    <p:sldLayoutId id="2147486221" r:id="rId27"/>
    <p:sldLayoutId id="2147486222" r:id="rId28"/>
    <p:sldLayoutId id="2147486223" r:id="rId29"/>
    <p:sldLayoutId id="2147486224" r:id="rId30"/>
    <p:sldLayoutId id="2147486225" r:id="rId31"/>
    <p:sldLayoutId id="2147486226" r:id="rId32"/>
    <p:sldLayoutId id="2147486227" r:id="rId33"/>
    <p:sldLayoutId id="2147486228" r:id="rId34"/>
    <p:sldLayoutId id="2147486229" r:id="rId35"/>
    <p:sldLayoutId id="2147486230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538CE5A4-5F07-496B-8935-9865D36CED28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3507D24D-42B3-4CA4-B15C-64073D53080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1787250251" name="image" descr="{&quot;templafy&quot;:{&quot;id&quot;:&quot;1c8c6f1c-1dd0-48bb-9adf-1f6d3aad7f37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B9F15ED7-D67E-4924-B1C6-4238CD2D481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D91A755C-1E84-40C3-A7A9-BD7A843EC20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69E8052C-2865-42E3-938E-9DB8EF5A8215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13924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231" r:id="rId1"/>
    <p:sldLayoutId id="2147486232" r:id="rId2"/>
    <p:sldLayoutId id="2147486233" r:id="rId3"/>
    <p:sldLayoutId id="2147486234" r:id="rId4"/>
    <p:sldLayoutId id="2147486235" r:id="rId5"/>
    <p:sldLayoutId id="2147486236" r:id="rId6"/>
    <p:sldLayoutId id="2147486237" r:id="rId7"/>
    <p:sldLayoutId id="2147486238" r:id="rId8"/>
    <p:sldLayoutId id="2147486239" r:id="rId9"/>
    <p:sldLayoutId id="2147486240" r:id="rId10"/>
    <p:sldLayoutId id="2147486241" r:id="rId11"/>
    <p:sldLayoutId id="2147486242" r:id="rId12"/>
    <p:sldLayoutId id="2147486243" r:id="rId13"/>
    <p:sldLayoutId id="2147486244" r:id="rId14"/>
    <p:sldLayoutId id="2147486245" r:id="rId15"/>
    <p:sldLayoutId id="2147486246" r:id="rId16"/>
    <p:sldLayoutId id="2147486247" r:id="rId17"/>
    <p:sldLayoutId id="2147486248" r:id="rId18"/>
    <p:sldLayoutId id="2147486249" r:id="rId19"/>
    <p:sldLayoutId id="2147486250" r:id="rId20"/>
    <p:sldLayoutId id="2147486251" r:id="rId21"/>
    <p:sldLayoutId id="2147486252" r:id="rId22"/>
    <p:sldLayoutId id="2147486253" r:id="rId23"/>
    <p:sldLayoutId id="2147486254" r:id="rId24"/>
    <p:sldLayoutId id="2147486255" r:id="rId25"/>
    <p:sldLayoutId id="2147486256" r:id="rId26"/>
    <p:sldLayoutId id="2147486257" r:id="rId27"/>
    <p:sldLayoutId id="2147486258" r:id="rId28"/>
    <p:sldLayoutId id="2147486259" r:id="rId29"/>
    <p:sldLayoutId id="2147486260" r:id="rId30"/>
    <p:sldLayoutId id="2147486261" r:id="rId31"/>
    <p:sldLayoutId id="2147486262" r:id="rId32"/>
    <p:sldLayoutId id="2147486263" r:id="rId33"/>
    <p:sldLayoutId id="2147486264" r:id="rId34"/>
    <p:sldLayoutId id="2147486265" r:id="rId35"/>
    <p:sldLayoutId id="2147486266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53BA2B2E-41BB-4DBF-AFE1-F628F940C56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1DBEBF82-FD38-45E5-A721-2AE3300E91B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1218474493" name="image" descr="{&quot;templafy&quot;:{&quot;id&quot;:&quot;638c1023-e442-4f7f-99b4-c31381b9466f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92E3892B-181C-4BD3-BF8C-5B630587003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EC822F56-E621-49D9-84AB-5EE82D1B26C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A9497328-D079-4E76-A334-08F4AE277394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7775610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267" r:id="rId1"/>
    <p:sldLayoutId id="2147486268" r:id="rId2"/>
    <p:sldLayoutId id="2147486269" r:id="rId3"/>
    <p:sldLayoutId id="2147486270" r:id="rId4"/>
    <p:sldLayoutId id="2147486271" r:id="rId5"/>
    <p:sldLayoutId id="2147486272" r:id="rId6"/>
    <p:sldLayoutId id="2147486273" r:id="rId7"/>
    <p:sldLayoutId id="2147486274" r:id="rId8"/>
    <p:sldLayoutId id="2147486275" r:id="rId9"/>
    <p:sldLayoutId id="2147486276" r:id="rId10"/>
    <p:sldLayoutId id="2147486277" r:id="rId11"/>
    <p:sldLayoutId id="2147486278" r:id="rId12"/>
    <p:sldLayoutId id="2147486279" r:id="rId13"/>
    <p:sldLayoutId id="2147486280" r:id="rId14"/>
    <p:sldLayoutId id="2147486281" r:id="rId15"/>
    <p:sldLayoutId id="2147486282" r:id="rId16"/>
    <p:sldLayoutId id="2147486283" r:id="rId17"/>
    <p:sldLayoutId id="2147486284" r:id="rId18"/>
    <p:sldLayoutId id="2147486285" r:id="rId19"/>
    <p:sldLayoutId id="2147486286" r:id="rId20"/>
    <p:sldLayoutId id="2147486287" r:id="rId21"/>
    <p:sldLayoutId id="2147486288" r:id="rId22"/>
    <p:sldLayoutId id="2147486289" r:id="rId23"/>
    <p:sldLayoutId id="2147486290" r:id="rId24"/>
    <p:sldLayoutId id="2147486291" r:id="rId25"/>
    <p:sldLayoutId id="2147486292" r:id="rId26"/>
    <p:sldLayoutId id="2147486293" r:id="rId27"/>
    <p:sldLayoutId id="2147486294" r:id="rId28"/>
    <p:sldLayoutId id="2147486295" r:id="rId29"/>
    <p:sldLayoutId id="2147486296" r:id="rId30"/>
    <p:sldLayoutId id="2147486297" r:id="rId31"/>
    <p:sldLayoutId id="2147486298" r:id="rId32"/>
    <p:sldLayoutId id="2147486299" r:id="rId33"/>
    <p:sldLayoutId id="2147486300" r:id="rId34"/>
    <p:sldLayoutId id="2147486301" r:id="rId35"/>
    <p:sldLayoutId id="214748630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1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2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\\DROBO-FS\QuickDrops\JB\PPTX NG\Droplets\LightingOverlay.png"/>
          <p:cNvPicPr>
            <a:picLocks noChangeAspect="1" noChangeArrowheads="1"/>
          </p:cNvPicPr>
          <p:nvPr/>
        </p:nvPicPr>
        <p:blipFill>
          <a:blip r:embed="rId21">
            <a:alphaModFix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" y="-1"/>
            <a:ext cx="9215440" cy="51847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0686" y="467611"/>
            <a:ext cx="7834068" cy="1206739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cs-CZ"/>
              <a:t>Kliknutím lze upravit styl.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0685" y="1789567"/>
            <a:ext cx="7834069" cy="258868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cs-CZ"/>
              <a:t>Po kliknutí můžete upravovat styly textu v předloze.</a:t>
            </a:r>
          </a:p>
          <a:p>
            <a:pPr lvl="1"/>
            <a:r>
              <a:rPr lang="cs-CZ"/>
              <a:t>Druhá úroveň</a:t>
            </a:r>
          </a:p>
          <a:p>
            <a:pPr lvl="2"/>
            <a:r>
              <a:rPr lang="cs-CZ"/>
              <a:t>Třetí úroveň</a:t>
            </a:r>
          </a:p>
          <a:p>
            <a:pPr lvl="3"/>
            <a:r>
              <a:rPr lang="cs-CZ"/>
              <a:t>Čtvrtá úroveň</a:t>
            </a:r>
          </a:p>
          <a:p>
            <a:pPr lvl="4"/>
            <a:r>
              <a:rPr lang="cs-CZ"/>
              <a:t>Pátá úroveň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5804045" y="4447865"/>
            <a:ext cx="2073474" cy="276041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756">
                <a:solidFill>
                  <a:schemeClr val="tx1"/>
                </a:solidFill>
              </a:defRPr>
            </a:lvl1pPr>
          </a:lstStyle>
          <a:p>
            <a:fld id="{34494FF2-B23A-4CBE-B36B-E5732EC480DC}" type="datetime5">
              <a:rPr lang="en-US" smtClean="0"/>
              <a:t>27-Oct-21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90685" y="4447865"/>
            <a:ext cx="5043764" cy="276041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756">
                <a:solidFill>
                  <a:schemeClr val="tx1"/>
                </a:solidFill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Presentation Tit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7947115" y="4447865"/>
            <a:ext cx="577639" cy="276041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756">
                <a:solidFill>
                  <a:schemeClr val="tx1"/>
                </a:solidFill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664439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376" r:id="rId1"/>
    <p:sldLayoutId id="2147486377" r:id="rId2"/>
    <p:sldLayoutId id="2147486378" r:id="rId3"/>
    <p:sldLayoutId id="2147486379" r:id="rId4"/>
    <p:sldLayoutId id="2147486380" r:id="rId5"/>
    <p:sldLayoutId id="2147486381" r:id="rId6"/>
    <p:sldLayoutId id="2147486382" r:id="rId7"/>
    <p:sldLayoutId id="2147486383" r:id="rId8"/>
    <p:sldLayoutId id="2147486384" r:id="rId9"/>
    <p:sldLayoutId id="2147486385" r:id="rId10"/>
    <p:sldLayoutId id="2147486386" r:id="rId11"/>
    <p:sldLayoutId id="2147486387" r:id="rId12"/>
    <p:sldLayoutId id="2147486388" r:id="rId13"/>
    <p:sldLayoutId id="2147486389" r:id="rId14"/>
    <p:sldLayoutId id="2147486390" r:id="rId15"/>
    <p:sldLayoutId id="2147486391" r:id="rId16"/>
    <p:sldLayoutId id="2147486392" r:id="rId17"/>
    <p:sldLayoutId id="2147486393" r:id="rId18"/>
    <p:sldLayoutId id="2147486394" r:id="rId19"/>
  </p:sldLayoutIdLst>
  <p:transition>
    <p:fade/>
  </p:transition>
  <p:hf hdr="0"/>
  <p:txStyles>
    <p:titleStyle>
      <a:lvl1pPr algn="ctr" defTabSz="691195" rtl="0" eaLnBrk="1" latinLnBrk="0" hangingPunct="1">
        <a:lnSpc>
          <a:spcPct val="90000"/>
        </a:lnSpc>
        <a:spcBef>
          <a:spcPct val="0"/>
        </a:spcBef>
        <a:buNone/>
        <a:defRPr sz="2721" kern="1200" cap="all" baseline="0">
          <a:solidFill>
            <a:schemeClr val="tx1"/>
          </a:solidFill>
          <a:effectLst/>
          <a:latin typeface="+mj-lt"/>
          <a:ea typeface="+mj-ea"/>
          <a:cs typeface="+mj-cs"/>
        </a:defRPr>
      </a:lvl1pPr>
    </p:titleStyle>
    <p:bodyStyle>
      <a:lvl1pPr marL="172799" indent="-172799" algn="l" defTabSz="691195" rtl="0" eaLnBrk="1" latinLnBrk="0" hangingPunct="1">
        <a:lnSpc>
          <a:spcPct val="120000"/>
        </a:lnSpc>
        <a:spcBef>
          <a:spcPts val="756"/>
        </a:spcBef>
        <a:buClr>
          <a:schemeClr val="tx1"/>
        </a:buClr>
        <a:buFont typeface="Arial" panose="020B0604020202020204" pitchFamily="34" charset="0"/>
        <a:buChar char="•"/>
        <a:defRPr sz="1512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1pPr>
      <a:lvl2pPr marL="518396" indent="-172799" algn="l" defTabSz="691195" rtl="0" eaLnBrk="1" latinLnBrk="0" hangingPunct="1">
        <a:lnSpc>
          <a:spcPct val="120000"/>
        </a:lnSpc>
        <a:spcBef>
          <a:spcPts val="378"/>
        </a:spcBef>
        <a:buClr>
          <a:schemeClr val="tx1"/>
        </a:buClr>
        <a:buFont typeface="Arial" panose="020B0604020202020204" pitchFamily="34" charset="0"/>
        <a:buChar char="•"/>
        <a:defRPr sz="1361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2pPr>
      <a:lvl3pPr marL="863994" indent="-172799" algn="l" defTabSz="691195" rtl="0" eaLnBrk="1" latinLnBrk="0" hangingPunct="1">
        <a:lnSpc>
          <a:spcPct val="120000"/>
        </a:lnSpc>
        <a:spcBef>
          <a:spcPts val="378"/>
        </a:spcBef>
        <a:buClr>
          <a:schemeClr val="tx1"/>
        </a:buClr>
        <a:buFont typeface="Arial" panose="020B0604020202020204" pitchFamily="34" charset="0"/>
        <a:buChar char="•"/>
        <a:defRPr sz="1209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3pPr>
      <a:lvl4pPr marL="1209591" indent="-172799" algn="l" defTabSz="691195" rtl="0" eaLnBrk="1" latinLnBrk="0" hangingPunct="1">
        <a:lnSpc>
          <a:spcPct val="120000"/>
        </a:lnSpc>
        <a:spcBef>
          <a:spcPts val="378"/>
        </a:spcBef>
        <a:buClr>
          <a:schemeClr val="tx1"/>
        </a:buClr>
        <a:buFont typeface="Arial" panose="020B0604020202020204" pitchFamily="34" charset="0"/>
        <a:buChar char="•"/>
        <a:defRPr sz="1058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4pPr>
      <a:lvl5pPr marL="1555189" indent="-172799" algn="l" defTabSz="691195" rtl="0" eaLnBrk="1" latinLnBrk="0" hangingPunct="1">
        <a:lnSpc>
          <a:spcPct val="120000"/>
        </a:lnSpc>
        <a:spcBef>
          <a:spcPts val="378"/>
        </a:spcBef>
        <a:buClr>
          <a:schemeClr val="tx1"/>
        </a:buClr>
        <a:buFont typeface="Arial" panose="020B0604020202020204" pitchFamily="34" charset="0"/>
        <a:buChar char="•"/>
        <a:defRPr sz="1058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5pPr>
      <a:lvl6pPr marL="1900786" indent="-172799" algn="l" defTabSz="691195" rtl="0" eaLnBrk="1" latinLnBrk="0" hangingPunct="1">
        <a:lnSpc>
          <a:spcPct val="120000"/>
        </a:lnSpc>
        <a:spcBef>
          <a:spcPts val="378"/>
        </a:spcBef>
        <a:buClr>
          <a:schemeClr val="tx1"/>
        </a:buClr>
        <a:buFont typeface="Arial" panose="020B0604020202020204" pitchFamily="34" charset="0"/>
        <a:buChar char="•"/>
        <a:defRPr sz="1058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6pPr>
      <a:lvl7pPr marL="2246384" indent="-172799" algn="l" defTabSz="691195" rtl="0" eaLnBrk="1" latinLnBrk="0" hangingPunct="1">
        <a:lnSpc>
          <a:spcPct val="120000"/>
        </a:lnSpc>
        <a:spcBef>
          <a:spcPts val="378"/>
        </a:spcBef>
        <a:buClr>
          <a:schemeClr val="tx1"/>
        </a:buClr>
        <a:buFont typeface="Arial" panose="020B0604020202020204" pitchFamily="34" charset="0"/>
        <a:buChar char="•"/>
        <a:defRPr sz="1058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7pPr>
      <a:lvl8pPr marL="2591981" indent="-172799" algn="l" defTabSz="691195" rtl="0" eaLnBrk="1" latinLnBrk="0" hangingPunct="1">
        <a:lnSpc>
          <a:spcPct val="120000"/>
        </a:lnSpc>
        <a:spcBef>
          <a:spcPts val="378"/>
        </a:spcBef>
        <a:buClr>
          <a:schemeClr val="tx1"/>
        </a:buClr>
        <a:buFont typeface="Arial" panose="020B0604020202020204" pitchFamily="34" charset="0"/>
        <a:buChar char="•"/>
        <a:defRPr sz="1058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8pPr>
      <a:lvl9pPr marL="2937579" indent="-172799" algn="l" defTabSz="691195" rtl="0" eaLnBrk="1" latinLnBrk="0" hangingPunct="1">
        <a:lnSpc>
          <a:spcPct val="120000"/>
        </a:lnSpc>
        <a:spcBef>
          <a:spcPts val="378"/>
        </a:spcBef>
        <a:buClr>
          <a:schemeClr val="tx1"/>
        </a:buClr>
        <a:buFont typeface="Arial" panose="020B0604020202020204" pitchFamily="34" charset="0"/>
        <a:buChar char="•"/>
        <a:defRPr sz="1058" kern="1200" cap="all" baseline="0">
          <a:solidFill>
            <a:schemeClr val="tx1"/>
          </a:solidFill>
          <a:effectLst/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91195" rtl="0" eaLnBrk="1" latinLnBrk="0" hangingPunct="1">
        <a:defRPr sz="1361" kern="1200">
          <a:solidFill>
            <a:schemeClr val="tx1"/>
          </a:solidFill>
          <a:latin typeface="+mn-lt"/>
          <a:ea typeface="+mn-ea"/>
          <a:cs typeface="+mn-cs"/>
        </a:defRPr>
      </a:lvl1pPr>
      <a:lvl2pPr marL="345597" algn="l" defTabSz="691195" rtl="0" eaLnBrk="1" latinLnBrk="0" hangingPunct="1">
        <a:defRPr sz="1361" kern="1200">
          <a:solidFill>
            <a:schemeClr val="tx1"/>
          </a:solidFill>
          <a:latin typeface="+mn-lt"/>
          <a:ea typeface="+mn-ea"/>
          <a:cs typeface="+mn-cs"/>
        </a:defRPr>
      </a:lvl2pPr>
      <a:lvl3pPr marL="691195" algn="l" defTabSz="691195" rtl="0" eaLnBrk="1" latinLnBrk="0" hangingPunct="1">
        <a:defRPr sz="1361" kern="1200">
          <a:solidFill>
            <a:schemeClr val="tx1"/>
          </a:solidFill>
          <a:latin typeface="+mn-lt"/>
          <a:ea typeface="+mn-ea"/>
          <a:cs typeface="+mn-cs"/>
        </a:defRPr>
      </a:lvl3pPr>
      <a:lvl4pPr marL="1036792" algn="l" defTabSz="691195" rtl="0" eaLnBrk="1" latinLnBrk="0" hangingPunct="1">
        <a:defRPr sz="1361" kern="1200">
          <a:solidFill>
            <a:schemeClr val="tx1"/>
          </a:solidFill>
          <a:latin typeface="+mn-lt"/>
          <a:ea typeface="+mn-ea"/>
          <a:cs typeface="+mn-cs"/>
        </a:defRPr>
      </a:lvl4pPr>
      <a:lvl5pPr marL="1382390" algn="l" defTabSz="691195" rtl="0" eaLnBrk="1" latinLnBrk="0" hangingPunct="1">
        <a:defRPr sz="1361" kern="1200">
          <a:solidFill>
            <a:schemeClr val="tx1"/>
          </a:solidFill>
          <a:latin typeface="+mn-lt"/>
          <a:ea typeface="+mn-ea"/>
          <a:cs typeface="+mn-cs"/>
        </a:defRPr>
      </a:lvl5pPr>
      <a:lvl6pPr marL="1727987" algn="l" defTabSz="691195" rtl="0" eaLnBrk="1" latinLnBrk="0" hangingPunct="1">
        <a:defRPr sz="1361" kern="1200">
          <a:solidFill>
            <a:schemeClr val="tx1"/>
          </a:solidFill>
          <a:latin typeface="+mn-lt"/>
          <a:ea typeface="+mn-ea"/>
          <a:cs typeface="+mn-cs"/>
        </a:defRPr>
      </a:lvl6pPr>
      <a:lvl7pPr marL="2073585" algn="l" defTabSz="691195" rtl="0" eaLnBrk="1" latinLnBrk="0" hangingPunct="1">
        <a:defRPr sz="1361" kern="1200">
          <a:solidFill>
            <a:schemeClr val="tx1"/>
          </a:solidFill>
          <a:latin typeface="+mn-lt"/>
          <a:ea typeface="+mn-ea"/>
          <a:cs typeface="+mn-cs"/>
        </a:defRPr>
      </a:lvl7pPr>
      <a:lvl8pPr marL="2419182" algn="l" defTabSz="691195" rtl="0" eaLnBrk="1" latinLnBrk="0" hangingPunct="1">
        <a:defRPr sz="1361" kern="1200">
          <a:solidFill>
            <a:schemeClr val="tx1"/>
          </a:solidFill>
          <a:latin typeface="+mn-lt"/>
          <a:ea typeface="+mn-ea"/>
          <a:cs typeface="+mn-cs"/>
        </a:defRPr>
      </a:lvl8pPr>
      <a:lvl9pPr marL="2764780" algn="l" defTabSz="691195" rtl="0" eaLnBrk="1" latinLnBrk="0" hangingPunct="1">
        <a:defRPr sz="1361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 userDrawn="1">
          <p15:clr>
            <a:srgbClr val="F26B43"/>
          </p15:clr>
        </p15:guide>
        <p15:guide id="2" orient="horz" pos="1633" userDrawn="1">
          <p15:clr>
            <a:srgbClr val="F26B43"/>
          </p15:clr>
        </p15:guide>
        <p15:guide id="3" pos="2721" userDrawn="1">
          <p15:clr>
            <a:srgbClr val="F26B43"/>
          </p15:clr>
        </p15:guide>
        <p15:guide id="4" pos="2540" userDrawn="1">
          <p15:clr>
            <a:srgbClr val="F26B43"/>
          </p15:clr>
        </p15:guide>
        <p15:guide id="5" pos="2358" userDrawn="1">
          <p15:clr>
            <a:srgbClr val="F26B43"/>
          </p15:clr>
        </p15:guide>
        <p15:guide id="6" pos="2177" userDrawn="1">
          <p15:clr>
            <a:srgbClr val="F26B43"/>
          </p15:clr>
        </p15:guide>
        <p15:guide id="7" pos="1995" userDrawn="1">
          <p15:clr>
            <a:srgbClr val="F26B43"/>
          </p15:clr>
        </p15:guide>
        <p15:guide id="8" pos="1814" userDrawn="1">
          <p15:clr>
            <a:srgbClr val="F26B43"/>
          </p15:clr>
        </p15:guide>
        <p15:guide id="9" pos="1632" userDrawn="1">
          <p15:clr>
            <a:srgbClr val="F26B43"/>
          </p15:clr>
        </p15:guide>
        <p15:guide id="10" pos="1451" userDrawn="1">
          <p15:clr>
            <a:srgbClr val="F26B43"/>
          </p15:clr>
        </p15:guide>
        <p15:guide id="11" pos="1270" userDrawn="1">
          <p15:clr>
            <a:srgbClr val="F26B43"/>
          </p15:clr>
        </p15:guide>
        <p15:guide id="12" pos="1088" userDrawn="1">
          <p15:clr>
            <a:srgbClr val="F26B43"/>
          </p15:clr>
        </p15:guide>
        <p15:guide id="13" pos="907" userDrawn="1">
          <p15:clr>
            <a:srgbClr val="F26B43"/>
          </p15:clr>
        </p15:guide>
        <p15:guide id="14" pos="725" userDrawn="1">
          <p15:clr>
            <a:srgbClr val="F26B43"/>
          </p15:clr>
        </p15:guide>
        <p15:guide id="15" pos="544" userDrawn="1">
          <p15:clr>
            <a:srgbClr val="F26B43"/>
          </p15:clr>
        </p15:guide>
        <p15:guide id="16" pos="362" userDrawn="1">
          <p15:clr>
            <a:srgbClr val="F26B43"/>
          </p15:clr>
        </p15:guide>
        <p15:guide id="17" pos="181" userDrawn="1">
          <p15:clr>
            <a:srgbClr val="F26B43"/>
          </p15:clr>
        </p15:guide>
        <p15:guide id="18" pos="3084" userDrawn="1">
          <p15:clr>
            <a:srgbClr val="F26B43"/>
          </p15:clr>
        </p15:guide>
        <p15:guide id="19" pos="3265" userDrawn="1">
          <p15:clr>
            <a:srgbClr val="F26B43"/>
          </p15:clr>
        </p15:guide>
        <p15:guide id="20" pos="3447" userDrawn="1">
          <p15:clr>
            <a:srgbClr val="F26B43"/>
          </p15:clr>
        </p15:guide>
        <p15:guide id="21" pos="3810" userDrawn="1">
          <p15:clr>
            <a:srgbClr val="F26B43"/>
          </p15:clr>
        </p15:guide>
        <p15:guide id="22" pos="3628" userDrawn="1">
          <p15:clr>
            <a:srgbClr val="F26B43"/>
          </p15:clr>
        </p15:guide>
        <p15:guide id="23" pos="3991" userDrawn="1">
          <p15:clr>
            <a:srgbClr val="F26B43"/>
          </p15:clr>
        </p15:guide>
        <p15:guide id="24" pos="4173" userDrawn="1">
          <p15:clr>
            <a:srgbClr val="F26B43"/>
          </p15:clr>
        </p15:guide>
        <p15:guide id="25" pos="4354" userDrawn="1">
          <p15:clr>
            <a:srgbClr val="F26B43"/>
          </p15:clr>
        </p15:guide>
        <p15:guide id="26" pos="4535" userDrawn="1">
          <p15:clr>
            <a:srgbClr val="F26B43"/>
          </p15:clr>
        </p15:guide>
        <p15:guide id="27" pos="4717" userDrawn="1">
          <p15:clr>
            <a:srgbClr val="F26B43"/>
          </p15:clr>
        </p15:guide>
        <p15:guide id="28" pos="4898" userDrawn="1">
          <p15:clr>
            <a:srgbClr val="F26B43"/>
          </p15:clr>
        </p15:guide>
        <p15:guide id="29" pos="5080" userDrawn="1">
          <p15:clr>
            <a:srgbClr val="F26B43"/>
          </p15:clr>
        </p15:guide>
        <p15:guide id="30" pos="5261" userDrawn="1">
          <p15:clr>
            <a:srgbClr val="F26B43"/>
          </p15:clr>
        </p15:guide>
        <p15:guide id="31" pos="5443" userDrawn="1">
          <p15:clr>
            <a:srgbClr val="F26B43"/>
          </p15:clr>
        </p15:guide>
        <p15:guide id="32" pos="5624" userDrawn="1">
          <p15:clr>
            <a:srgbClr val="F26B43"/>
          </p15:clr>
        </p15:guide>
        <p15:guide id="33" orient="horz" pos="1452" userDrawn="1">
          <p15:clr>
            <a:srgbClr val="F26B43"/>
          </p15:clr>
        </p15:guide>
        <p15:guide id="34" orient="horz" pos="1270" userDrawn="1">
          <p15:clr>
            <a:srgbClr val="F26B43"/>
          </p15:clr>
        </p15:guide>
        <p15:guide id="35" orient="horz" pos="1089" userDrawn="1">
          <p15:clr>
            <a:srgbClr val="F26B43"/>
          </p15:clr>
        </p15:guide>
        <p15:guide id="36" orient="horz" pos="907" userDrawn="1">
          <p15:clr>
            <a:srgbClr val="F26B43"/>
          </p15:clr>
        </p15:guide>
        <p15:guide id="37" orient="horz" pos="726" userDrawn="1">
          <p15:clr>
            <a:srgbClr val="F26B43"/>
          </p15:clr>
        </p15:guide>
        <p15:guide id="38" orient="horz" pos="544" userDrawn="1">
          <p15:clr>
            <a:srgbClr val="F26B43"/>
          </p15:clr>
        </p15:guide>
        <p15:guide id="39" orient="horz" pos="363" userDrawn="1">
          <p15:clr>
            <a:srgbClr val="F26B43"/>
          </p15:clr>
        </p15:guide>
        <p15:guide id="40" orient="horz" pos="182" userDrawn="1">
          <p15:clr>
            <a:srgbClr val="F26B43"/>
          </p15:clr>
        </p15:guide>
        <p15:guide id="41" orient="horz" pos="1814" userDrawn="1">
          <p15:clr>
            <a:srgbClr val="F26B43"/>
          </p15:clr>
        </p15:guide>
        <p15:guide id="42" orient="horz" pos="1996" userDrawn="1">
          <p15:clr>
            <a:srgbClr val="F26B43"/>
          </p15:clr>
        </p15:guide>
        <p15:guide id="43" orient="horz" pos="2177" userDrawn="1">
          <p15:clr>
            <a:srgbClr val="F26B43"/>
          </p15:clr>
        </p15:guide>
        <p15:guide id="44" orient="horz" pos="2359" userDrawn="1">
          <p15:clr>
            <a:srgbClr val="F26B43"/>
          </p15:clr>
        </p15:guide>
        <p15:guide id="45" orient="horz" pos="2540" userDrawn="1">
          <p15:clr>
            <a:srgbClr val="F26B43"/>
          </p15:clr>
        </p15:guide>
        <p15:guide id="46" orient="horz" pos="2722" userDrawn="1">
          <p15:clr>
            <a:srgbClr val="F26B43"/>
          </p15:clr>
        </p15:guide>
        <p15:guide id="47" orient="horz" pos="2903" userDrawn="1">
          <p15:clr>
            <a:srgbClr val="F26B43"/>
          </p15:clr>
        </p15:guide>
        <p15:guide id="48" orient="horz" pos="308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CBD0BCFB-A7D3-4140-BBAE-525FF31C9BC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82DE9530-2AB8-4552-9EDA-0FF5EAB686F0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1401007697" name="image" descr="{&quot;templafy&quot;:{&quot;id&quot;:&quot;3bd5eedb-0bc9-45fd-9849-c338be0fa20d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1900B00D-970D-4C23-BFE2-6C8CC175BC4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FE5FF2CE-2743-4EFD-B2E7-42E1A7D3DB5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9B4E999C-9AA6-4862-9EB7-E0C11672EA83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118943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07" r:id="rId1"/>
    <p:sldLayoutId id="2147485908" r:id="rId2"/>
    <p:sldLayoutId id="2147485909" r:id="rId3"/>
    <p:sldLayoutId id="2147485910" r:id="rId4"/>
    <p:sldLayoutId id="2147485911" r:id="rId5"/>
    <p:sldLayoutId id="2147485912" r:id="rId6"/>
    <p:sldLayoutId id="2147485913" r:id="rId7"/>
    <p:sldLayoutId id="2147485914" r:id="rId8"/>
    <p:sldLayoutId id="2147485915" r:id="rId9"/>
    <p:sldLayoutId id="2147485916" r:id="rId10"/>
    <p:sldLayoutId id="2147485917" r:id="rId11"/>
    <p:sldLayoutId id="2147485918" r:id="rId12"/>
    <p:sldLayoutId id="2147485919" r:id="rId13"/>
    <p:sldLayoutId id="2147485920" r:id="rId14"/>
    <p:sldLayoutId id="2147485921" r:id="rId15"/>
    <p:sldLayoutId id="2147485922" r:id="rId16"/>
    <p:sldLayoutId id="2147485923" r:id="rId17"/>
    <p:sldLayoutId id="2147485924" r:id="rId18"/>
    <p:sldLayoutId id="2147485925" r:id="rId19"/>
    <p:sldLayoutId id="2147485926" r:id="rId20"/>
    <p:sldLayoutId id="2147485927" r:id="rId21"/>
    <p:sldLayoutId id="2147485928" r:id="rId22"/>
    <p:sldLayoutId id="2147485929" r:id="rId23"/>
    <p:sldLayoutId id="2147485930" r:id="rId24"/>
    <p:sldLayoutId id="2147485931" r:id="rId25"/>
    <p:sldLayoutId id="2147485932" r:id="rId26"/>
    <p:sldLayoutId id="2147485933" r:id="rId27"/>
    <p:sldLayoutId id="2147485934" r:id="rId28"/>
    <p:sldLayoutId id="2147485935" r:id="rId29"/>
    <p:sldLayoutId id="2147485936" r:id="rId30"/>
    <p:sldLayoutId id="2147485937" r:id="rId31"/>
    <p:sldLayoutId id="2147485938" r:id="rId32"/>
    <p:sldLayoutId id="2147485939" r:id="rId33"/>
    <p:sldLayoutId id="2147485940" r:id="rId34"/>
    <p:sldLayoutId id="2147485941" r:id="rId35"/>
    <p:sldLayoutId id="214748594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00D05825-4A9D-44D2-BDDE-C019BFD1AAF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7E5CFC5D-30A2-4212-AE3A-0722701127F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2077115262" name="image" descr="{&quot;templafy&quot;:{&quot;id&quot;:&quot;dfd2d00f-df29-4f42-812c-548a478bcb14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00691E55-6E4B-4E5A-9397-AAFCFC0A8DA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74665397-8A69-4700-94F1-9E59E5820D3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F6CDE76B-94F2-47CA-8B1E-A346232A0393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47424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43" r:id="rId1"/>
    <p:sldLayoutId id="2147485944" r:id="rId2"/>
    <p:sldLayoutId id="2147485945" r:id="rId3"/>
    <p:sldLayoutId id="2147485946" r:id="rId4"/>
    <p:sldLayoutId id="2147485947" r:id="rId5"/>
    <p:sldLayoutId id="2147485948" r:id="rId6"/>
    <p:sldLayoutId id="2147485949" r:id="rId7"/>
    <p:sldLayoutId id="2147485950" r:id="rId8"/>
    <p:sldLayoutId id="2147485951" r:id="rId9"/>
    <p:sldLayoutId id="2147485952" r:id="rId10"/>
    <p:sldLayoutId id="2147485953" r:id="rId11"/>
    <p:sldLayoutId id="2147485954" r:id="rId12"/>
    <p:sldLayoutId id="2147485955" r:id="rId13"/>
    <p:sldLayoutId id="2147485956" r:id="rId14"/>
    <p:sldLayoutId id="2147485957" r:id="rId15"/>
    <p:sldLayoutId id="2147485958" r:id="rId16"/>
    <p:sldLayoutId id="2147485959" r:id="rId17"/>
    <p:sldLayoutId id="2147485960" r:id="rId18"/>
    <p:sldLayoutId id="2147485961" r:id="rId19"/>
    <p:sldLayoutId id="2147485962" r:id="rId20"/>
    <p:sldLayoutId id="2147485963" r:id="rId21"/>
    <p:sldLayoutId id="2147485964" r:id="rId22"/>
    <p:sldLayoutId id="2147485965" r:id="rId23"/>
    <p:sldLayoutId id="2147485966" r:id="rId24"/>
    <p:sldLayoutId id="2147485967" r:id="rId25"/>
    <p:sldLayoutId id="2147485968" r:id="rId26"/>
    <p:sldLayoutId id="2147485969" r:id="rId27"/>
    <p:sldLayoutId id="2147485970" r:id="rId28"/>
    <p:sldLayoutId id="2147485971" r:id="rId29"/>
    <p:sldLayoutId id="2147485972" r:id="rId30"/>
    <p:sldLayoutId id="2147485973" r:id="rId31"/>
    <p:sldLayoutId id="2147485974" r:id="rId32"/>
    <p:sldLayoutId id="2147485975" r:id="rId33"/>
    <p:sldLayoutId id="2147485976" r:id="rId34"/>
    <p:sldLayoutId id="2147485977" r:id="rId35"/>
    <p:sldLayoutId id="2147485978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15E3155B-23CF-4E76-A4B4-310ADD4B152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CDEA9F8E-D44A-4179-A949-BE714FB0C10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1200769109" name="image" descr="{&quot;templafy&quot;:{&quot;id&quot;:&quot;fe1c79ae-a173-47cc-8235-badf6b9b8a53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9057533E-688F-43CD-946A-D41097454F9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1C3E3659-D8FF-40F0-B35A-005112E5F19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8A000717-5C4E-41A5-8825-2ED60CCA405F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2884306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5979" r:id="rId1"/>
    <p:sldLayoutId id="2147485980" r:id="rId2"/>
    <p:sldLayoutId id="2147485981" r:id="rId3"/>
    <p:sldLayoutId id="2147485982" r:id="rId4"/>
    <p:sldLayoutId id="2147485983" r:id="rId5"/>
    <p:sldLayoutId id="2147485984" r:id="rId6"/>
    <p:sldLayoutId id="2147485985" r:id="rId7"/>
    <p:sldLayoutId id="2147485986" r:id="rId8"/>
    <p:sldLayoutId id="2147485987" r:id="rId9"/>
    <p:sldLayoutId id="2147485988" r:id="rId10"/>
    <p:sldLayoutId id="2147485989" r:id="rId11"/>
    <p:sldLayoutId id="2147485990" r:id="rId12"/>
    <p:sldLayoutId id="2147485991" r:id="rId13"/>
    <p:sldLayoutId id="2147485992" r:id="rId14"/>
    <p:sldLayoutId id="2147485993" r:id="rId15"/>
    <p:sldLayoutId id="2147485994" r:id="rId16"/>
    <p:sldLayoutId id="2147485995" r:id="rId17"/>
    <p:sldLayoutId id="2147485996" r:id="rId18"/>
    <p:sldLayoutId id="2147485997" r:id="rId19"/>
    <p:sldLayoutId id="2147485998" r:id="rId20"/>
    <p:sldLayoutId id="2147485999" r:id="rId21"/>
    <p:sldLayoutId id="2147486000" r:id="rId22"/>
    <p:sldLayoutId id="2147486001" r:id="rId23"/>
    <p:sldLayoutId id="2147486002" r:id="rId24"/>
    <p:sldLayoutId id="2147486003" r:id="rId25"/>
    <p:sldLayoutId id="2147486004" r:id="rId26"/>
    <p:sldLayoutId id="2147486005" r:id="rId27"/>
    <p:sldLayoutId id="2147486006" r:id="rId28"/>
    <p:sldLayoutId id="2147486007" r:id="rId29"/>
    <p:sldLayoutId id="2147486008" r:id="rId30"/>
    <p:sldLayoutId id="2147486009" r:id="rId31"/>
    <p:sldLayoutId id="2147486010" r:id="rId32"/>
    <p:sldLayoutId id="2147486011" r:id="rId33"/>
    <p:sldLayoutId id="2147486012" r:id="rId34"/>
    <p:sldLayoutId id="2147486013" r:id="rId35"/>
    <p:sldLayoutId id="2147486014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E75EA0C9-1558-45AB-931E-15A3192C38D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FA31C33B-0BF3-4755-8723-C94AF981D2A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217018676" name="image" descr="{&quot;templafy&quot;:{&quot;id&quot;:&quot;1b26081c-0f03-4fd1-a5e7-ff809b449d6d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7CB6B8B3-20F1-4D2C-9FA5-4343EF45FA30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29223C46-0302-498C-B78A-0389D0F045B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972C84B4-CFD1-47CB-83FC-CC009C3CFA64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3012312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15" r:id="rId1"/>
    <p:sldLayoutId id="2147486016" r:id="rId2"/>
    <p:sldLayoutId id="2147486017" r:id="rId3"/>
    <p:sldLayoutId id="2147486018" r:id="rId4"/>
    <p:sldLayoutId id="2147486019" r:id="rId5"/>
    <p:sldLayoutId id="2147486020" r:id="rId6"/>
    <p:sldLayoutId id="2147486021" r:id="rId7"/>
    <p:sldLayoutId id="2147486022" r:id="rId8"/>
    <p:sldLayoutId id="2147486023" r:id="rId9"/>
    <p:sldLayoutId id="2147486024" r:id="rId10"/>
    <p:sldLayoutId id="2147486025" r:id="rId11"/>
    <p:sldLayoutId id="2147486026" r:id="rId12"/>
    <p:sldLayoutId id="2147486027" r:id="rId13"/>
    <p:sldLayoutId id="2147486028" r:id="rId14"/>
    <p:sldLayoutId id="2147486029" r:id="rId15"/>
    <p:sldLayoutId id="2147486030" r:id="rId16"/>
    <p:sldLayoutId id="2147486031" r:id="rId17"/>
    <p:sldLayoutId id="2147486032" r:id="rId18"/>
    <p:sldLayoutId id="2147486033" r:id="rId19"/>
    <p:sldLayoutId id="2147486034" r:id="rId20"/>
    <p:sldLayoutId id="2147486035" r:id="rId21"/>
    <p:sldLayoutId id="2147486036" r:id="rId22"/>
    <p:sldLayoutId id="2147486037" r:id="rId23"/>
    <p:sldLayoutId id="2147486038" r:id="rId24"/>
    <p:sldLayoutId id="2147486039" r:id="rId25"/>
    <p:sldLayoutId id="2147486040" r:id="rId26"/>
    <p:sldLayoutId id="2147486041" r:id="rId27"/>
    <p:sldLayoutId id="2147486042" r:id="rId28"/>
    <p:sldLayoutId id="2147486043" r:id="rId29"/>
    <p:sldLayoutId id="2147486044" r:id="rId30"/>
    <p:sldLayoutId id="2147486045" r:id="rId31"/>
    <p:sldLayoutId id="2147486046" r:id="rId32"/>
    <p:sldLayoutId id="2147486047" r:id="rId33"/>
    <p:sldLayoutId id="2147486048" r:id="rId34"/>
    <p:sldLayoutId id="2147486049" r:id="rId35"/>
    <p:sldLayoutId id="2147486050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28087221-6636-4218-9DE0-44EF38D71100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EAF75E8C-02C4-4D8D-AB1E-4F1952FFD46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1830467604" name="image" descr="{&quot;templafy&quot;:{&quot;id&quot;:&quot;0f209151-33bd-4c90-853f-8a3e4ab21ece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192EFD71-FCBF-4C17-9548-46E86E41CA9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F6755B76-4D67-47FD-9738-CD844362372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1753FDD8-1846-48D2-9057-324DE30C4C26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7840850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51" r:id="rId1"/>
    <p:sldLayoutId id="2147486052" r:id="rId2"/>
    <p:sldLayoutId id="2147486053" r:id="rId3"/>
    <p:sldLayoutId id="2147486054" r:id="rId4"/>
    <p:sldLayoutId id="2147486055" r:id="rId5"/>
    <p:sldLayoutId id="2147486056" r:id="rId6"/>
    <p:sldLayoutId id="2147486057" r:id="rId7"/>
    <p:sldLayoutId id="2147486058" r:id="rId8"/>
    <p:sldLayoutId id="2147486059" r:id="rId9"/>
    <p:sldLayoutId id="2147486060" r:id="rId10"/>
    <p:sldLayoutId id="2147486061" r:id="rId11"/>
    <p:sldLayoutId id="2147486062" r:id="rId12"/>
    <p:sldLayoutId id="2147486063" r:id="rId13"/>
    <p:sldLayoutId id="2147486064" r:id="rId14"/>
    <p:sldLayoutId id="2147486065" r:id="rId15"/>
    <p:sldLayoutId id="2147486066" r:id="rId16"/>
    <p:sldLayoutId id="2147486067" r:id="rId17"/>
    <p:sldLayoutId id="2147486068" r:id="rId18"/>
    <p:sldLayoutId id="2147486069" r:id="rId19"/>
    <p:sldLayoutId id="2147486070" r:id="rId20"/>
    <p:sldLayoutId id="2147486071" r:id="rId21"/>
    <p:sldLayoutId id="2147486072" r:id="rId22"/>
    <p:sldLayoutId id="2147486073" r:id="rId23"/>
    <p:sldLayoutId id="2147486074" r:id="rId24"/>
    <p:sldLayoutId id="2147486075" r:id="rId25"/>
    <p:sldLayoutId id="2147486076" r:id="rId26"/>
    <p:sldLayoutId id="2147486077" r:id="rId27"/>
    <p:sldLayoutId id="2147486078" r:id="rId28"/>
    <p:sldLayoutId id="2147486079" r:id="rId29"/>
    <p:sldLayoutId id="2147486080" r:id="rId30"/>
    <p:sldLayoutId id="2147486081" r:id="rId31"/>
    <p:sldLayoutId id="2147486082" r:id="rId32"/>
    <p:sldLayoutId id="2147486083" r:id="rId33"/>
    <p:sldLayoutId id="2147486084" r:id="rId34"/>
    <p:sldLayoutId id="2147486085" r:id="rId35"/>
    <p:sldLayoutId id="2147486086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9213477F-FCD4-407D-9BA0-034E5720E2DC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A01CEBD2-A78D-4F05-ADF5-5977CC9AC43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1127017929" name="image" descr="{&quot;templafy&quot;:{&quot;id&quot;:&quot;a1478e76-061c-468e-99ff-104e5ae4e970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DD93D6CD-9F5B-4DBD-BAA9-55B55143724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5385AE0C-EF36-4908-9A31-58FE2FBF964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0DCC7872-CE46-4CE8-AEFF-609559F2E721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3803189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087" r:id="rId1"/>
    <p:sldLayoutId id="2147486088" r:id="rId2"/>
    <p:sldLayoutId id="2147486089" r:id="rId3"/>
    <p:sldLayoutId id="2147486090" r:id="rId4"/>
    <p:sldLayoutId id="2147486091" r:id="rId5"/>
    <p:sldLayoutId id="2147486092" r:id="rId6"/>
    <p:sldLayoutId id="2147486093" r:id="rId7"/>
    <p:sldLayoutId id="2147486094" r:id="rId8"/>
    <p:sldLayoutId id="2147486095" r:id="rId9"/>
    <p:sldLayoutId id="2147486096" r:id="rId10"/>
    <p:sldLayoutId id="2147486097" r:id="rId11"/>
    <p:sldLayoutId id="2147486098" r:id="rId12"/>
    <p:sldLayoutId id="2147486099" r:id="rId13"/>
    <p:sldLayoutId id="2147486100" r:id="rId14"/>
    <p:sldLayoutId id="2147486101" r:id="rId15"/>
    <p:sldLayoutId id="2147486102" r:id="rId16"/>
    <p:sldLayoutId id="2147486103" r:id="rId17"/>
    <p:sldLayoutId id="2147486104" r:id="rId18"/>
    <p:sldLayoutId id="2147486105" r:id="rId19"/>
    <p:sldLayoutId id="2147486106" r:id="rId20"/>
    <p:sldLayoutId id="2147486107" r:id="rId21"/>
    <p:sldLayoutId id="2147486108" r:id="rId22"/>
    <p:sldLayoutId id="2147486109" r:id="rId23"/>
    <p:sldLayoutId id="2147486110" r:id="rId24"/>
    <p:sldLayoutId id="2147486111" r:id="rId25"/>
    <p:sldLayoutId id="2147486112" r:id="rId26"/>
    <p:sldLayoutId id="2147486113" r:id="rId27"/>
    <p:sldLayoutId id="2147486114" r:id="rId28"/>
    <p:sldLayoutId id="2147486115" r:id="rId29"/>
    <p:sldLayoutId id="2147486116" r:id="rId30"/>
    <p:sldLayoutId id="2147486117" r:id="rId31"/>
    <p:sldLayoutId id="2147486118" r:id="rId32"/>
    <p:sldLayoutId id="2147486119" r:id="rId33"/>
    <p:sldLayoutId id="2147486120" r:id="rId34"/>
    <p:sldLayoutId id="2147486121" r:id="rId35"/>
    <p:sldLayoutId id="2147486122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8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11" name="Title Placeholder 1">
            <a:extLst>
              <a:ext uri="{FF2B5EF4-FFF2-40B4-BE49-F238E27FC236}">
                <a16:creationId xmlns:a16="http://schemas.microsoft.com/office/drawing/2014/main" id="{30AD439E-D4A8-4DC3-97D9-37939C5FB384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F1DCF3E-A59B-43A5-9879-D3C363B56F4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175345300" name="image" descr="{&quot;templafy&quot;:{&quot;id&quot;:&quot;c14f99e4-e546-44e6-b02c-c17bc4ff6030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321A0457-B18E-46A2-9614-D69AC892FB1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4C148406-E647-4BD2-9A1E-37FD75BF6D7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688AD204-0254-46BC-B37A-F8898C8E1C6B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097984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23" r:id="rId1"/>
    <p:sldLayoutId id="2147486124" r:id="rId2"/>
    <p:sldLayoutId id="2147486125" r:id="rId3"/>
    <p:sldLayoutId id="2147486126" r:id="rId4"/>
    <p:sldLayoutId id="2147486127" r:id="rId5"/>
    <p:sldLayoutId id="2147486128" r:id="rId6"/>
    <p:sldLayoutId id="2147486129" r:id="rId7"/>
    <p:sldLayoutId id="2147486130" r:id="rId8"/>
    <p:sldLayoutId id="2147486131" r:id="rId9"/>
    <p:sldLayoutId id="2147486132" r:id="rId10"/>
    <p:sldLayoutId id="2147486133" r:id="rId11"/>
    <p:sldLayoutId id="2147486134" r:id="rId12"/>
    <p:sldLayoutId id="2147486135" r:id="rId13"/>
    <p:sldLayoutId id="2147486136" r:id="rId14"/>
    <p:sldLayoutId id="2147486137" r:id="rId15"/>
    <p:sldLayoutId id="2147486138" r:id="rId16"/>
    <p:sldLayoutId id="2147486139" r:id="rId17"/>
    <p:sldLayoutId id="2147486140" r:id="rId18"/>
    <p:sldLayoutId id="2147486141" r:id="rId19"/>
    <p:sldLayoutId id="2147486142" r:id="rId20"/>
    <p:sldLayoutId id="2147486143" r:id="rId21"/>
    <p:sldLayoutId id="2147486144" r:id="rId22"/>
    <p:sldLayoutId id="2147486145" r:id="rId23"/>
    <p:sldLayoutId id="2147486146" r:id="rId24"/>
    <p:sldLayoutId id="2147486147" r:id="rId25"/>
    <p:sldLayoutId id="2147486148" r:id="rId26"/>
    <p:sldLayoutId id="2147486149" r:id="rId27"/>
    <p:sldLayoutId id="2147486150" r:id="rId28"/>
    <p:sldLayoutId id="2147486151" r:id="rId29"/>
    <p:sldLayoutId id="2147486152" r:id="rId30"/>
    <p:sldLayoutId id="2147486153" r:id="rId31"/>
    <p:sldLayoutId id="2147486154" r:id="rId32"/>
    <p:sldLayoutId id="2147486155" r:id="rId33"/>
    <p:sldLayoutId id="2147486156" r:id="rId34"/>
    <p:sldLayoutId id="2147486157" r:id="rId35"/>
    <p:sldLayoutId id="2147486158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Masters/slideMaster9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auto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287734" y="1152385"/>
            <a:ext cx="6048000" cy="345600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 </a:t>
            </a:r>
            <a:endParaRPr lang="en-US"/>
          </a:p>
          <a:p>
            <a:pPr lvl="1"/>
            <a:r>
              <a:rPr lang="en-US" noProof="0" dirty="0"/>
              <a:t>Second level </a:t>
            </a:r>
            <a:endParaRPr lang="en-US"/>
          </a:p>
          <a:p>
            <a:pPr lvl="2"/>
            <a:r>
              <a:rPr lang="en-US" noProof="0" dirty="0"/>
              <a:t>Third level </a:t>
            </a:r>
            <a:endParaRPr lang="en-US"/>
          </a:p>
          <a:p>
            <a:pPr lvl="3"/>
            <a:r>
              <a:rPr lang="en-US" noProof="0" dirty="0"/>
              <a:t>Fourth level </a:t>
            </a:r>
            <a:endParaRPr lang="en-US"/>
          </a:p>
          <a:p>
            <a:pPr lvl="4"/>
            <a:r>
              <a:rPr lang="en-US" noProof="0" dirty="0"/>
              <a:t>Fifth level </a:t>
            </a:r>
            <a:endParaRPr lang="en-US"/>
          </a:p>
          <a:p>
            <a:pPr marL="0" lvl="5" indent="0" algn="l" defTabSz="921477" rtl="0" eaLnBrk="1" latinLnBrk="0" hangingPunct="1">
              <a:lnSpc>
                <a:spcPct val="75000"/>
              </a:lnSpc>
              <a:spcBef>
                <a:spcPts val="1200"/>
              </a:spcBef>
              <a:spcAft>
                <a:spcPts val="600"/>
              </a:spcAft>
              <a:buClrTx/>
              <a:buSzPct val="90000"/>
              <a:buFont typeface="Wingdings" pitchFamily="2" charset="2"/>
              <a:buNone/>
              <a:tabLst>
                <a:tab pos="990269" algn="l"/>
              </a:tabLst>
            </a:pPr>
            <a:r>
              <a:rPr lang="en-US" noProof="0" dirty="0"/>
              <a:t>SIXTH LEVEL</a:t>
            </a:r>
            <a:endParaRPr lang="en-US"/>
          </a:p>
          <a:p>
            <a:pPr lvl="6"/>
            <a:r>
              <a:rPr lang="en-US" noProof="0" dirty="0"/>
              <a:t>Seventh Level</a:t>
            </a:r>
            <a:endParaRPr lang="en-US"/>
          </a:p>
          <a:p>
            <a:pPr lvl="7"/>
            <a:r>
              <a:rPr lang="en-US" noProof="0" dirty="0" err="1"/>
              <a:t>Eighth</a:t>
            </a:r>
            <a:r>
              <a:rPr lang="en-US" noProof="0" dirty="0"/>
              <a:t> Level</a:t>
            </a:r>
            <a:endParaRPr lang="en-US"/>
          </a:p>
          <a:p>
            <a:pPr lvl="8"/>
            <a:r>
              <a:rPr lang="en-US" noProof="0" dirty="0" err="1"/>
              <a:t>Ninth</a:t>
            </a:r>
            <a:r>
              <a:rPr lang="en-US" noProof="0" dirty="0"/>
              <a:t> Level</a:t>
            </a:r>
            <a:endParaRPr lang="en-US"/>
          </a:p>
        </p:txBody>
      </p:sp>
      <p:sp>
        <p:nvSpPr>
          <p:cNvPr id="8" name="Title Placeholder 1">
            <a:extLst>
              <a:ext uri="{FF2B5EF4-FFF2-40B4-BE49-F238E27FC236}">
                <a16:creationId xmlns:a16="http://schemas.microsoft.com/office/drawing/2014/main" id="{56F364A5-A701-4A5C-B086-868656E517EF}"/>
              </a:ext>
            </a:extLst>
          </p:cNvPr>
          <p:cNvSpPr>
            <a:spLocks noGrp="1"/>
          </p:cNvSpPr>
          <p:nvPr>
            <p:ph type="title"/>
          </p:nvPr>
        </p:nvSpPr>
        <p:spPr bwMode="gray">
          <a:xfrm>
            <a:off x="287734" y="288387"/>
            <a:ext cx="7775179" cy="2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lvl="0"/>
            <a:endParaRPr lang="en-US" noProof="0" dirty="0"/>
          </a:p>
        </p:txBody>
      </p:sp>
      <p:sp>
        <p:nvSpPr>
          <p:cNvPr id="12" name="Slide Number Placeholder 5">
            <a:extLst>
              <a:ext uri="{FF2B5EF4-FFF2-40B4-BE49-F238E27FC236}">
                <a16:creationId xmlns:a16="http://schemas.microsoft.com/office/drawing/2014/main" id="{A455C9E4-E3B3-4509-967E-CF555315F4A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 bwMode="gray">
          <a:xfrm>
            <a:off x="8639176" y="4896683"/>
            <a:ext cx="288543" cy="288091"/>
          </a:xfrm>
          <a:prstGeom prst="rect">
            <a:avLst/>
          </a:prstGeom>
        </p:spPr>
        <p:txBody>
          <a:bodyPr vert="horz" wrap="none" lIns="0" tIns="0" rIns="0" bIns="0" rtlCol="0" anchor="ctr" anchorCtr="0"/>
          <a:lstStyle>
            <a:lvl1pPr algn="r"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defRPr sz="600" b="0" i="0" cap="all" spc="30" baseline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>
              <a:defRPr/>
            </a:pPr>
            <a:fld id="{66C8B3C2-955F-42B1-8DED-EE47D723596C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  <p:pic>
        <p:nvPicPr>
          <p:cNvPr id="596603129" name="image" descr="{&quot;templafy&quot;:{&quot;id&quot;:&quot;4249abe6-2239-4e34-801c-1b8e1b64a27a&quot;}}"/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237600" y="4896000"/>
            <a:ext cx="360000" cy="229091"/>
          </a:xfrm>
          <a:prstGeom prst="rect">
            <a:avLst/>
          </a:prstGeom>
        </p:spPr>
      </p:pic>
      <p:sp>
        <p:nvSpPr>
          <p:cNvPr id="14" name="Footer Placeholder 1">
            <a:extLst>
              <a:ext uri="{FF2B5EF4-FFF2-40B4-BE49-F238E27FC236}">
                <a16:creationId xmlns:a16="http://schemas.microsoft.com/office/drawing/2014/main" id="{0B775834-33AE-4F6B-AB99-598DBBC0D40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863733" y="4897438"/>
            <a:ext cx="6624505" cy="287282"/>
          </a:xfrm>
          <a:prstGeom prst="rect">
            <a:avLst/>
          </a:prstGeom>
          <a:noFill/>
        </p:spPr>
        <p:txBody>
          <a:bodyPr vert="horz" wrap="none" lIns="0" tIns="0" rIns="0" bIns="0" rtlCol="0" anchor="ctr" anchorCtr="0">
            <a:noAutofit/>
          </a:bodyPr>
          <a:lstStyle>
            <a:lvl1pPr>
              <a:defRPr lang="en-US" sz="600" b="0" i="0" cap="all" spc="30" baseline="0" smtClean="0"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pPr defTabSz="921421" fontAlgn="auto">
              <a:lnSpc>
                <a:spcPct val="80000"/>
              </a:lnSpc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Presentation </a:t>
            </a:r>
            <a:r>
              <a:rPr lang="en-US" dirty="0" err="1"/>
              <a:t>Title</a:t>
            </a:r>
            <a:endParaRPr lang="en-US" dirty="0"/>
          </a:p>
        </p:txBody>
      </p:sp>
      <p:sp>
        <p:nvSpPr>
          <p:cNvPr id="15" name="Date Placeholder 7">
            <a:extLst>
              <a:ext uri="{FF2B5EF4-FFF2-40B4-BE49-F238E27FC236}">
                <a16:creationId xmlns:a16="http://schemas.microsoft.com/office/drawing/2014/main" id="{AE8A4DC6-CF45-44BF-B1C0-940DF8D744B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064499" y="4896644"/>
            <a:ext cx="576264" cy="28813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lnSpc>
                <a:spcPct val="80000"/>
              </a:lnSpc>
              <a:defRPr lang="en-US" sz="600" b="0" i="0" kern="1200" cap="all" spc="30" baseline="0" smtClean="0">
                <a:solidFill>
                  <a:schemeClr val="tx1"/>
                </a:solidFill>
                <a:latin typeface="+mj-lt"/>
                <a:ea typeface="AdihausDIN" panose="020B0504020101020102" pitchFamily="34" charset="0"/>
                <a:cs typeface="AdihausDIN" panose="020B0504020101020102" pitchFamily="34" charset="0"/>
              </a:defRPr>
            </a:lvl1pPr>
          </a:lstStyle>
          <a:p>
            <a:fld id="{1017CF29-4B87-4E59-B03C-242010EE53A9}" type="datetime5">
              <a:rPr lang="en-US" smtClean="0"/>
              <a:t>27-Oct-2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8465539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6159" r:id="rId1"/>
    <p:sldLayoutId id="2147486160" r:id="rId2"/>
    <p:sldLayoutId id="2147486161" r:id="rId3"/>
    <p:sldLayoutId id="2147486162" r:id="rId4"/>
    <p:sldLayoutId id="2147486163" r:id="rId5"/>
    <p:sldLayoutId id="2147486164" r:id="rId6"/>
    <p:sldLayoutId id="2147486165" r:id="rId7"/>
    <p:sldLayoutId id="2147486166" r:id="rId8"/>
    <p:sldLayoutId id="2147486167" r:id="rId9"/>
    <p:sldLayoutId id="2147486168" r:id="rId10"/>
    <p:sldLayoutId id="2147486169" r:id="rId11"/>
    <p:sldLayoutId id="2147486170" r:id="rId12"/>
    <p:sldLayoutId id="2147486171" r:id="rId13"/>
    <p:sldLayoutId id="2147486172" r:id="rId14"/>
    <p:sldLayoutId id="2147486173" r:id="rId15"/>
    <p:sldLayoutId id="2147486174" r:id="rId16"/>
    <p:sldLayoutId id="2147486175" r:id="rId17"/>
    <p:sldLayoutId id="2147486176" r:id="rId18"/>
    <p:sldLayoutId id="2147486177" r:id="rId19"/>
    <p:sldLayoutId id="2147486178" r:id="rId20"/>
    <p:sldLayoutId id="2147486179" r:id="rId21"/>
    <p:sldLayoutId id="2147486180" r:id="rId22"/>
    <p:sldLayoutId id="2147486181" r:id="rId23"/>
    <p:sldLayoutId id="2147486182" r:id="rId24"/>
    <p:sldLayoutId id="2147486183" r:id="rId25"/>
    <p:sldLayoutId id="2147486184" r:id="rId26"/>
    <p:sldLayoutId id="2147486185" r:id="rId27"/>
    <p:sldLayoutId id="2147486186" r:id="rId28"/>
    <p:sldLayoutId id="2147486187" r:id="rId29"/>
    <p:sldLayoutId id="2147486188" r:id="rId30"/>
    <p:sldLayoutId id="2147486189" r:id="rId31"/>
    <p:sldLayoutId id="2147486190" r:id="rId32"/>
    <p:sldLayoutId id="2147486191" r:id="rId33"/>
    <p:sldLayoutId id="2147486192" r:id="rId34"/>
    <p:sldLayoutId id="2147486193" r:id="rId35"/>
    <p:sldLayoutId id="2147486194" r:id="rId36"/>
  </p:sldLayoutIdLst>
  <p:transition>
    <p:fade/>
  </p:transition>
  <p:hf hd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400" b="1" i="0" kern="1200" cap="all" spc="20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2pPr>
      <a:lvl3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3pPr>
      <a:lvl4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4pPr>
      <a:lvl5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2800" b="1" kern="1200" cap="all" spc="20" baseline="0">
          <a:solidFill>
            <a:schemeClr val="tx1"/>
          </a:solidFill>
          <a:latin typeface="+mj-lt"/>
        </a:defRPr>
      </a:lvl5pPr>
      <a:lvl6pPr algn="l" rtl="0" eaLnBrk="1" hangingPunct="1">
        <a:lnSpc>
          <a:spcPct val="75000"/>
        </a:lnSpc>
        <a:defRPr sz="2800" b="1" kern="1200" cap="all" spc="20" baseline="0">
          <a:latin typeface="+mj-lt"/>
        </a:defRPr>
      </a:lvl6pPr>
      <a:lvl7pPr algn="l" rtl="0" eaLnBrk="1" hangingPunct="1">
        <a:lnSpc>
          <a:spcPct val="75000"/>
        </a:lnSpc>
        <a:defRPr sz="2800" b="1" kern="1200" cap="all" spc="20" baseline="0">
          <a:latin typeface="+mj-lt"/>
        </a:defRPr>
      </a:lvl7pPr>
      <a:lvl8pPr algn="l" rtl="0" eaLnBrk="1" hangingPunct="1">
        <a:lnSpc>
          <a:spcPct val="75000"/>
        </a:lnSpc>
        <a:defRPr sz="2800" b="1" kern="1200" cap="all" spc="20" baseline="0">
          <a:latin typeface="+mj-lt"/>
        </a:defRPr>
      </a:lvl8pPr>
      <a:lvl9pPr algn="l" eaLnBrk="1" hangingPunct="1">
        <a:lnSpc>
          <a:spcPct val="75000"/>
        </a:lnSpc>
        <a:defRPr sz="2800" b="1" kern="1200" cap="all" spc="20" baseline="0">
          <a:latin typeface="+mj-lt"/>
        </a:defRPr>
      </a:lvl9pPr>
    </p:titleStyle>
    <p:bodyStyle>
      <a:lvl1pPr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itchFamily="34" charset="0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1pPr>
      <a:lvl2pPr marL="180769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Wingdings" pitchFamily="2" charset="2"/>
        <a:buChar char="§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2pPr>
      <a:lvl3pPr marL="181386" indent="-181386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rabicPeriod"/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3pPr>
      <a:lvl4pPr marL="3583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AdihausDIN" panose="020B0504020101020102" pitchFamily="34" charset="0"/>
        <a:buChar char="–"/>
        <a:defRPr sz="1200" kern="1200" cap="none" baseline="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4pPr>
      <a:lvl5pPr marL="361538" indent="-180769" algn="l" rtl="0" eaLnBrk="1" fontAlgn="base" hangingPunct="1">
        <a:lnSpc>
          <a:spcPct val="90000"/>
        </a:lnSpc>
        <a:spcBef>
          <a:spcPct val="0"/>
        </a:spcBef>
        <a:spcAft>
          <a:spcPts val="600"/>
        </a:spcAft>
        <a:buSzPct val="90000"/>
        <a:buFont typeface="+mj-lt"/>
        <a:buAutoNum type="alphaLcPeriod"/>
        <a:tabLst>
          <a:tab pos="990230" algn="l"/>
        </a:tabLst>
        <a:defRPr sz="1200" kern="1200">
          <a:solidFill>
            <a:schemeClr val="tx1"/>
          </a:solidFill>
          <a:latin typeface="+mn-lt"/>
          <a:ea typeface="+mn-ea"/>
          <a:cs typeface="AdihausDIN" panose="020B0504020101020102" pitchFamily="34" charset="0"/>
        </a:defRPr>
      </a:lvl5pPr>
      <a:lvl6pPr marL="0" indent="0" algn="l" defTabSz="921477" rtl="0" eaLnBrk="1" latinLnBrk="0" hangingPunct="1">
        <a:lnSpc>
          <a:spcPct val="75000"/>
        </a:lnSpc>
        <a:spcBef>
          <a:spcPts val="120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lang="en-US" sz="1800" b="1" i="0" kern="1200" cap="all" spc="20" baseline="0" noProof="0" dirty="0">
          <a:solidFill>
            <a:schemeClr val="tx1"/>
          </a:solidFill>
          <a:latin typeface="+mj-lt"/>
          <a:ea typeface="+mn-ea"/>
          <a:cs typeface="AdihausDIN" panose="020B0504020101020102" pitchFamily="34" charset="0"/>
        </a:defRPr>
      </a:lvl6pPr>
      <a:lvl7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i="0" kern="1200" cap="none" baseline="0">
          <a:solidFill>
            <a:schemeClr val="tx2"/>
          </a:solidFill>
          <a:latin typeface="+mn-lt"/>
          <a:ea typeface="+mn-ea"/>
          <a:cs typeface="AdihausDIN" panose="020B0504020101020102" pitchFamily="34" charset="0"/>
        </a:defRPr>
      </a:lvl7pPr>
      <a:lvl8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8pPr>
      <a:lvl9pPr marL="0" indent="0" algn="l" defTabSz="921477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Tx/>
        <a:buSzPct val="90000"/>
        <a:buFont typeface="Wingdings" pitchFamily="2" charset="2"/>
        <a:buNone/>
        <a:tabLst>
          <a:tab pos="990269" algn="l"/>
        </a:tabLst>
        <a:defRPr sz="600" b="0" kern="1200">
          <a:solidFill>
            <a:schemeClr val="tx2"/>
          </a:solidFill>
          <a:latin typeface="AdihausDIN" panose="020B0504020101020102" pitchFamily="34" charset="0"/>
          <a:ea typeface="+mn-ea"/>
          <a:cs typeface="AdihausDIN" panose="020B0504020101020102" pitchFamily="34" charset="0"/>
        </a:defRPr>
      </a:lvl9pPr>
    </p:bodyStyle>
    <p:otherStyle>
      <a:defPPr>
        <a:defRPr lang="en-US"/>
      </a:defPPr>
      <a:lvl1pPr marL="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1pPr>
      <a:lvl2pPr marL="460740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2pPr>
      <a:lvl3pPr marL="92147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3pPr>
      <a:lvl4pPr marL="1382217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4pPr>
      <a:lvl5pPr marL="184295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5pPr>
      <a:lvl6pPr marL="2303695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6pPr>
      <a:lvl7pPr marL="276443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7pPr>
      <a:lvl8pPr marL="3225172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8pPr>
      <a:lvl9pPr marL="3685911" algn="l" defTabSz="921477" rtl="0" eaLnBrk="1" latinLnBrk="0" hangingPunct="1">
        <a:defRPr sz="182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902">
          <p15:clr>
            <a:srgbClr val="F26B43"/>
          </p15:clr>
        </p15:guide>
        <p15:guide id="2" orient="horz" pos="1633">
          <p15:clr>
            <a:srgbClr val="F26B43"/>
          </p15:clr>
        </p15:guide>
        <p15:guide id="3" pos="2721">
          <p15:clr>
            <a:srgbClr val="F26B43"/>
          </p15:clr>
        </p15:guide>
        <p15:guide id="4" pos="2540">
          <p15:clr>
            <a:srgbClr val="F26B43"/>
          </p15:clr>
        </p15:guide>
        <p15:guide id="5" pos="2358">
          <p15:clr>
            <a:srgbClr val="F26B43"/>
          </p15:clr>
        </p15:guide>
        <p15:guide id="6" pos="2177">
          <p15:clr>
            <a:srgbClr val="F26B43"/>
          </p15:clr>
        </p15:guide>
        <p15:guide id="7" pos="1995">
          <p15:clr>
            <a:srgbClr val="F26B43"/>
          </p15:clr>
        </p15:guide>
        <p15:guide id="8" pos="1814">
          <p15:clr>
            <a:srgbClr val="F26B43"/>
          </p15:clr>
        </p15:guide>
        <p15:guide id="9" pos="1632">
          <p15:clr>
            <a:srgbClr val="F26B43"/>
          </p15:clr>
        </p15:guide>
        <p15:guide id="10" pos="1451">
          <p15:clr>
            <a:srgbClr val="F26B43"/>
          </p15:clr>
        </p15:guide>
        <p15:guide id="11" pos="1270">
          <p15:clr>
            <a:srgbClr val="F26B43"/>
          </p15:clr>
        </p15:guide>
        <p15:guide id="12" pos="1088">
          <p15:clr>
            <a:srgbClr val="F26B43"/>
          </p15:clr>
        </p15:guide>
        <p15:guide id="13" pos="907">
          <p15:clr>
            <a:srgbClr val="F26B43"/>
          </p15:clr>
        </p15:guide>
        <p15:guide id="14" pos="725">
          <p15:clr>
            <a:srgbClr val="F26B43"/>
          </p15:clr>
        </p15:guide>
        <p15:guide id="15" pos="544">
          <p15:clr>
            <a:srgbClr val="F26B43"/>
          </p15:clr>
        </p15:guide>
        <p15:guide id="16" pos="362">
          <p15:clr>
            <a:srgbClr val="F26B43"/>
          </p15:clr>
        </p15:guide>
        <p15:guide id="17" pos="181">
          <p15:clr>
            <a:srgbClr val="F26B43"/>
          </p15:clr>
        </p15:guide>
        <p15:guide id="18" pos="3084">
          <p15:clr>
            <a:srgbClr val="F26B43"/>
          </p15:clr>
        </p15:guide>
        <p15:guide id="19" pos="3265">
          <p15:clr>
            <a:srgbClr val="F26B43"/>
          </p15:clr>
        </p15:guide>
        <p15:guide id="20" pos="3447">
          <p15:clr>
            <a:srgbClr val="F26B43"/>
          </p15:clr>
        </p15:guide>
        <p15:guide id="21" pos="3810">
          <p15:clr>
            <a:srgbClr val="F26B43"/>
          </p15:clr>
        </p15:guide>
        <p15:guide id="22" pos="3628">
          <p15:clr>
            <a:srgbClr val="F26B43"/>
          </p15:clr>
        </p15:guide>
        <p15:guide id="23" pos="3991">
          <p15:clr>
            <a:srgbClr val="F26B43"/>
          </p15:clr>
        </p15:guide>
        <p15:guide id="24" pos="4173">
          <p15:clr>
            <a:srgbClr val="F26B43"/>
          </p15:clr>
        </p15:guide>
        <p15:guide id="25" pos="4354">
          <p15:clr>
            <a:srgbClr val="F26B43"/>
          </p15:clr>
        </p15:guide>
        <p15:guide id="26" pos="4535">
          <p15:clr>
            <a:srgbClr val="F26B43"/>
          </p15:clr>
        </p15:guide>
        <p15:guide id="27" pos="4717">
          <p15:clr>
            <a:srgbClr val="F26B43"/>
          </p15:clr>
        </p15:guide>
        <p15:guide id="28" pos="4898">
          <p15:clr>
            <a:srgbClr val="F26B43"/>
          </p15:clr>
        </p15:guide>
        <p15:guide id="29" pos="5080">
          <p15:clr>
            <a:srgbClr val="F26B43"/>
          </p15:clr>
        </p15:guide>
        <p15:guide id="30" pos="5261">
          <p15:clr>
            <a:srgbClr val="F26B43"/>
          </p15:clr>
        </p15:guide>
        <p15:guide id="31" pos="5443">
          <p15:clr>
            <a:srgbClr val="F26B43"/>
          </p15:clr>
        </p15:guide>
        <p15:guide id="32" pos="5624">
          <p15:clr>
            <a:srgbClr val="F26B43"/>
          </p15:clr>
        </p15:guide>
        <p15:guide id="33" orient="horz" pos="1452">
          <p15:clr>
            <a:srgbClr val="F26B43"/>
          </p15:clr>
        </p15:guide>
        <p15:guide id="34" orient="horz" pos="1270">
          <p15:clr>
            <a:srgbClr val="F26B43"/>
          </p15:clr>
        </p15:guide>
        <p15:guide id="35" orient="horz" pos="1089">
          <p15:clr>
            <a:srgbClr val="F26B43"/>
          </p15:clr>
        </p15:guide>
        <p15:guide id="36" orient="horz" pos="907">
          <p15:clr>
            <a:srgbClr val="F26B43"/>
          </p15:clr>
        </p15:guide>
        <p15:guide id="37" orient="horz" pos="726">
          <p15:clr>
            <a:srgbClr val="F26B43"/>
          </p15:clr>
        </p15:guide>
        <p15:guide id="38" orient="horz" pos="544">
          <p15:clr>
            <a:srgbClr val="F26B43"/>
          </p15:clr>
        </p15:guide>
        <p15:guide id="39" orient="horz" pos="363">
          <p15:clr>
            <a:srgbClr val="F26B43"/>
          </p15:clr>
        </p15:guide>
        <p15:guide id="40" orient="horz" pos="182">
          <p15:clr>
            <a:srgbClr val="F26B43"/>
          </p15:clr>
        </p15:guide>
        <p15:guide id="41" orient="horz" pos="1814">
          <p15:clr>
            <a:srgbClr val="F26B43"/>
          </p15:clr>
        </p15:guide>
        <p15:guide id="42" orient="horz" pos="1996">
          <p15:clr>
            <a:srgbClr val="F26B43"/>
          </p15:clr>
        </p15:guide>
        <p15:guide id="43" orient="horz" pos="2177">
          <p15:clr>
            <a:srgbClr val="F26B43"/>
          </p15:clr>
        </p15:guide>
        <p15:guide id="44" orient="horz" pos="2359">
          <p15:clr>
            <a:srgbClr val="F26B43"/>
          </p15:clr>
        </p15:guide>
        <p15:guide id="45" orient="horz" pos="2540">
          <p15:clr>
            <a:srgbClr val="F26B43"/>
          </p15:clr>
        </p15:guide>
        <p15:guide id="46" orient="horz" pos="2722">
          <p15:clr>
            <a:srgbClr val="F26B43"/>
          </p15:clr>
        </p15:guide>
        <p15:guide id="47" orient="horz" pos="2903">
          <p15:clr>
            <a:srgbClr val="F26B43"/>
          </p15:clr>
        </p15:guide>
        <p15:guide id="48" orient="horz" pos="308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50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4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jpe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jpeg"/><Relationship Id="rId2" Type="http://schemas.openxmlformats.org/officeDocument/2006/relationships/image" Target="../media/image11.jpeg"/><Relationship Id="rId1" Type="http://schemas.openxmlformats.org/officeDocument/2006/relationships/slideLayout" Target="../slideLayouts/slideLayout451.xml"/><Relationship Id="rId4" Type="http://schemas.openxmlformats.org/officeDocument/2006/relationships/image" Target="../media/image13.pn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51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jpeg"/><Relationship Id="rId1" Type="http://schemas.openxmlformats.org/officeDocument/2006/relationships/slideLayout" Target="../slideLayouts/slideLayout451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51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451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slideLayout" Target="../slideLayouts/slideLayout451.xml"/><Relationship Id="rId1" Type="http://schemas.openxmlformats.org/officeDocument/2006/relationships/vmlDrawing" Target="../drawings/vmlDrawing1.vml"/><Relationship Id="rId4" Type="http://schemas.openxmlformats.org/officeDocument/2006/relationships/image" Target="../media/image20.png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jpeg"/><Relationship Id="rId1" Type="http://schemas.openxmlformats.org/officeDocument/2006/relationships/slideLayout" Target="../slideLayouts/slideLayout45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Layout" Target="../slideLayouts/slideLayout451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rotWithShape="1">
          <a:blip r:embed="rId4">
            <a:duotone>
              <a:schemeClr val="bg2">
                <a:shade val="28000"/>
                <a:satMod val="94000"/>
                <a:lumMod val="20000"/>
              </a:schemeClr>
              <a:schemeClr val="bg2">
                <a:tint val="94000"/>
                <a:shade val="84000"/>
                <a:satMod val="148000"/>
                <a:lumMod val="114000"/>
              </a:schemeClr>
            </a:duotone>
          </a:blip>
          <a:stretch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Slide Number Placeholder 4">
            <a:extLst>
              <a:ext uri="{FF2B5EF4-FFF2-40B4-BE49-F238E27FC236}">
                <a16:creationId xmlns:a16="http://schemas.microsoft.com/office/drawing/2014/main" id="{112A76E7-9B96-4E80-BBF8-6FBE29E86057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>
          <a:xfrm>
            <a:off x="7947114" y="4700862"/>
            <a:ext cx="416605" cy="276041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defTabSz="914400">
              <a:spcAft>
                <a:spcPts val="600"/>
              </a:spcAft>
              <a:defRPr/>
            </a:pPr>
            <a:fld id="{66C8B3C2-955F-42B1-8DED-EE47D723596C}" type="slidenum">
              <a:rPr lang="en-US" sz="900" noProof="0" smtClean="0">
                <a:cs typeface="+mn-cs"/>
              </a:rPr>
              <a:pPr defTabSz="914400">
                <a:spcAft>
                  <a:spcPts val="600"/>
                </a:spcAft>
                <a:defRPr/>
              </a:pPr>
              <a:t>1</a:t>
            </a:fld>
            <a:endParaRPr lang="en-US" sz="900" noProof="0">
              <a:cs typeface="+mn-cs"/>
            </a:endParaRP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6B2B0F73-EC8D-4E43-A453-4EC0423E1B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7428" y="2141224"/>
            <a:ext cx="7666291" cy="1402149"/>
          </a:xfrm>
        </p:spPr>
        <p:txBody>
          <a:bodyPr vert="horz" lIns="91440" tIns="45720" rIns="91440" bIns="45720" rtlCol="0" anchor="b">
            <a:normAutofit/>
          </a:bodyPr>
          <a:lstStyle/>
          <a:p>
            <a:pPr defTabSz="457200"/>
            <a:r>
              <a:rPr lang="en-US" sz="4000" dirty="0" err="1">
                <a:effectLst>
                  <a:glow rad="38100">
                    <a:schemeClr val="bg1">
                      <a:lumMod val="65000"/>
                      <a:lumOff val="35000"/>
                      <a:alpha val="50000"/>
                    </a:schemeClr>
                  </a:glow>
                  <a:outerShdw blurRad="28575" dist="31750" dir="13200000" algn="tl" rotWithShape="0">
                    <a:srgbClr val="000000">
                      <a:alpha val="25000"/>
                    </a:srgbClr>
                  </a:outerShdw>
                </a:effectLst>
              </a:rPr>
              <a:t>Příprava</a:t>
            </a:r>
            <a:r>
              <a:rPr lang="en-US" sz="4000" dirty="0">
                <a:effectLst>
                  <a:glow rad="38100">
                    <a:schemeClr val="bg1">
                      <a:lumMod val="65000"/>
                      <a:lumOff val="35000"/>
                      <a:alpha val="50000"/>
                    </a:schemeClr>
                  </a:glow>
                  <a:outerShdw blurRad="28575" dist="31750" dir="13200000" algn="tl" rotWithShape="0">
                    <a:srgbClr val="000000">
                      <a:alpha val="25000"/>
                    </a:srgbClr>
                  </a:outerShdw>
                </a:effectLst>
              </a:rPr>
              <a:t> </a:t>
            </a:r>
            <a:r>
              <a:rPr lang="cs-CZ" sz="4000" dirty="0">
                <a:effectLst>
                  <a:glow rad="38100">
                    <a:schemeClr val="bg1">
                      <a:lumMod val="65000"/>
                      <a:lumOff val="35000"/>
                      <a:alpha val="50000"/>
                    </a:schemeClr>
                  </a:glow>
                  <a:outerShdw blurRad="28575" dist="31750" dir="13200000" algn="tl" rotWithShape="0">
                    <a:srgbClr val="000000">
                      <a:alpha val="25000"/>
                    </a:srgbClr>
                  </a:outerShdw>
                </a:effectLst>
              </a:rPr>
              <a:t>na </a:t>
            </a:r>
            <a:r>
              <a:rPr lang="en-US" sz="4000" dirty="0" err="1">
                <a:effectLst>
                  <a:glow rad="38100">
                    <a:schemeClr val="bg1">
                      <a:lumMod val="65000"/>
                      <a:lumOff val="35000"/>
                      <a:alpha val="50000"/>
                    </a:schemeClr>
                  </a:glow>
                  <a:outerShdw blurRad="28575" dist="31750" dir="13200000" algn="tl" rotWithShape="0">
                    <a:srgbClr val="000000">
                      <a:alpha val="25000"/>
                    </a:srgbClr>
                  </a:outerShdw>
                </a:effectLst>
              </a:rPr>
              <a:t>maraton</a:t>
            </a:r>
            <a:endParaRPr lang="en-US" sz="4000" dirty="0">
              <a:effectLst>
                <a:glow rad="38100">
                  <a:schemeClr val="bg1">
                    <a:lumMod val="65000"/>
                    <a:lumOff val="35000"/>
                    <a:alpha val="50000"/>
                  </a:schemeClr>
                </a:glow>
                <a:outerShdw blurRad="28575" dist="31750" dir="13200000" algn="tl" rotWithShape="0">
                  <a:srgbClr val="000000">
                    <a:alpha val="25000"/>
                  </a:srgbClr>
                </a:outerShdw>
              </a:effectLst>
            </a:endParaRPr>
          </a:p>
        </p:txBody>
      </p:sp>
      <p:pic>
        <p:nvPicPr>
          <p:cNvPr id="22" name="Obrázek 21">
            <a:extLst>
              <a:ext uri="{FF2B5EF4-FFF2-40B4-BE49-F238E27FC236}">
                <a16:creationId xmlns:a16="http://schemas.microsoft.com/office/drawing/2014/main" id="{F248EB6A-483C-458C-A9B4-ECC17E8C2E6D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-1" b="5149"/>
          <a:stretch/>
        </p:blipFill>
        <p:spPr>
          <a:xfrm>
            <a:off x="215231" y="338830"/>
            <a:ext cx="3100001" cy="1749501"/>
          </a:xfrm>
          <a:prstGeom prst="rect">
            <a:avLst/>
          </a:prstGeom>
          <a:noFill/>
        </p:spPr>
      </p:pic>
      <p:pic>
        <p:nvPicPr>
          <p:cNvPr id="18" name="Obrázek 17">
            <a:extLst>
              <a:ext uri="{FF2B5EF4-FFF2-40B4-BE49-F238E27FC236}">
                <a16:creationId xmlns:a16="http://schemas.microsoft.com/office/drawing/2014/main" id="{91DC2FF0-33A3-4612-844E-36DF8302CD0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111775" y="305889"/>
            <a:ext cx="3736863" cy="19618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94725238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94" name="Nadpis 1">
            <a:extLst>
              <a:ext uri="{FF2B5EF4-FFF2-40B4-BE49-F238E27FC236}">
                <a16:creationId xmlns:a16="http://schemas.microsoft.com/office/drawing/2014/main" id="{9CE342DD-9243-4A61-A821-D9E7EDDFB94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/>
              <a:t>Příprava 5. týden</a:t>
            </a:r>
          </a:p>
        </p:txBody>
      </p:sp>
      <p:pic>
        <p:nvPicPr>
          <p:cNvPr id="8195" name="Zástupný obsah 4" descr="Obsah obrázku obloha, exteriér, země, voda&#10;&#10;Popis byl vytvořen automaticky">
            <a:extLst>
              <a:ext uri="{FF2B5EF4-FFF2-40B4-BE49-F238E27FC236}">
                <a16:creationId xmlns:a16="http://schemas.microsoft.com/office/drawing/2014/main" id="{74FCF3DB-3EB9-45E8-9BCD-E3C23B42AF59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6006034" y="1072480"/>
            <a:ext cx="2737433" cy="3420591"/>
          </a:xfrm>
        </p:spPr>
      </p:pic>
      <p:sp>
        <p:nvSpPr>
          <p:cNvPr id="8196" name="TextovéPole 6">
            <a:extLst>
              <a:ext uri="{FF2B5EF4-FFF2-40B4-BE49-F238E27FC236}">
                <a16:creationId xmlns:a16="http://schemas.microsoft.com/office/drawing/2014/main" id="{D19B3E6F-E595-48E9-9CD1-E5D2512C6F88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543967" y="1504454"/>
            <a:ext cx="4862104" cy="34845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>
            <a:spAutoFit/>
          </a:bodyPr>
          <a:lstStyle>
            <a:lvl1pPr>
              <a:spcBef>
                <a:spcPct val="20000"/>
              </a:spcBef>
              <a:buFont typeface="Arial" panose="020B0604020202020204" pitchFamily="34" charset="0"/>
              <a:buChar char="•"/>
              <a:defRPr sz="32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Font typeface="Arial" panose="020B0604020202020204" pitchFamily="34" charset="0"/>
              <a:buChar char="–"/>
              <a:defRPr sz="28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Font typeface="Arial" panose="020B0604020202020204" pitchFamily="34" charset="0"/>
              <a:buChar char="•"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Font typeface="Arial" panose="020B0604020202020204" pitchFamily="34" charset="0"/>
              <a:buChar char="–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9pPr>
          </a:lstStyle>
          <a:p>
            <a:pPr>
              <a:lnSpc>
                <a:spcPct val="107000"/>
              </a:lnSpc>
              <a:spcBef>
                <a:spcPct val="0"/>
              </a:spcBef>
              <a:spcAft>
                <a:spcPts val="806"/>
              </a:spcAft>
              <a:buNone/>
            </a:pPr>
            <a:r>
              <a:rPr lang="cs-CZ" altLang="cs-CZ" sz="1814">
                <a:ea typeface="Calibri" panose="020F0502020204030204" pitchFamily="34" charset="0"/>
                <a:cs typeface="Times New Roman" panose="02020603050405020304" pitchFamily="18" charset="0"/>
              </a:rPr>
              <a:t>4.-10.leden 2021</a:t>
            </a:r>
          </a:p>
          <a:p>
            <a:pPr>
              <a:lnSpc>
                <a:spcPct val="107000"/>
              </a:lnSpc>
              <a:spcBef>
                <a:spcPct val="0"/>
              </a:spcBef>
              <a:spcAft>
                <a:spcPts val="806"/>
              </a:spcAft>
              <a:buNone/>
            </a:pPr>
            <a:r>
              <a:rPr lang="cs-CZ" altLang="cs-CZ" sz="1814">
                <a:ea typeface="Calibri" panose="020F0502020204030204" pitchFamily="34" charset="0"/>
                <a:cs typeface="Times New Roman" panose="02020603050405020304" pitchFamily="18" charset="0"/>
              </a:rPr>
              <a:t>Vyšetření u Jirky Dostála – práce na metabolismu tuků (1x v týdnu běh bez sacharidů)</a:t>
            </a:r>
          </a:p>
          <a:p>
            <a:pPr>
              <a:lnSpc>
                <a:spcPct val="107000"/>
              </a:lnSpc>
              <a:spcBef>
                <a:spcPct val="0"/>
              </a:spcBef>
              <a:spcAft>
                <a:spcPts val="806"/>
              </a:spcAft>
              <a:buNone/>
            </a:pPr>
            <a:endParaRPr lang="cs-CZ" altLang="cs-CZ" sz="1814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Bef>
                <a:spcPct val="0"/>
              </a:spcBef>
              <a:spcAft>
                <a:spcPts val="806"/>
              </a:spcAft>
              <a:buNone/>
            </a:pPr>
            <a:endParaRPr lang="cs-CZ" altLang="cs-CZ" sz="1814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Bef>
                <a:spcPct val="0"/>
              </a:spcBef>
              <a:spcAft>
                <a:spcPts val="806"/>
              </a:spcAft>
              <a:buNone/>
            </a:pPr>
            <a:endParaRPr lang="cs-CZ" altLang="cs-CZ" sz="1814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Bef>
                <a:spcPct val="0"/>
              </a:spcBef>
              <a:spcAft>
                <a:spcPts val="806"/>
              </a:spcAft>
              <a:buNone/>
            </a:pPr>
            <a:endParaRPr lang="cs-CZ" altLang="cs-CZ" sz="1814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Bef>
                <a:spcPct val="0"/>
              </a:spcBef>
              <a:spcAft>
                <a:spcPts val="806"/>
              </a:spcAft>
              <a:buNone/>
            </a:pPr>
            <a:r>
              <a:rPr lang="cs-CZ" altLang="cs-CZ" sz="1814">
                <a:ea typeface="Calibri" panose="020F0502020204030204" pitchFamily="34" charset="0"/>
                <a:cs typeface="Times New Roman" panose="02020603050405020304" pitchFamily="18" charset="0"/>
              </a:rPr>
              <a:t>Odlet do Portugalska – Albufeira</a:t>
            </a:r>
          </a:p>
          <a:p>
            <a:pPr>
              <a:spcBef>
                <a:spcPct val="0"/>
              </a:spcBef>
              <a:buFontTx/>
              <a:buNone/>
            </a:pPr>
            <a:endParaRPr lang="cs-CZ" altLang="cs-CZ" sz="1814">
              <a:latin typeface="Arial" panose="020B060402020202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8197" name="Obrázek 10" descr="Obsah obrázku osoba, muž&#10;&#10;Popis byl vytvořen automaticky">
            <a:extLst>
              <a:ext uri="{FF2B5EF4-FFF2-40B4-BE49-F238E27FC236}">
                <a16:creationId xmlns:a16="http://schemas.microsoft.com/office/drawing/2014/main" id="{D2B23100-0B9B-4FAC-AE6E-6F332FBC6CB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5965" y="2547590"/>
            <a:ext cx="2412653" cy="13583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198" name="Obrázek 12" descr="Obsah obrázku text, hodiny&#10;&#10;Popis byl vytvořen automaticky">
            <a:extLst>
              <a:ext uri="{FF2B5EF4-FFF2-40B4-BE49-F238E27FC236}">
                <a16:creationId xmlns:a16="http://schemas.microsoft.com/office/drawing/2014/main" id="{F50B7AF4-8991-45AA-91D5-EE2A60C01D4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689437" y="2446796"/>
            <a:ext cx="3015815" cy="186708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18" name="Nadpis 1">
            <a:extLst>
              <a:ext uri="{FF2B5EF4-FFF2-40B4-BE49-F238E27FC236}">
                <a16:creationId xmlns:a16="http://schemas.microsoft.com/office/drawing/2014/main" id="{DAC644D4-B7AB-43A0-A977-52931790AAF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 sz="4031" dirty="0"/>
              <a:t>       Příprava 6.-8. týden VT </a:t>
            </a:r>
            <a:r>
              <a:rPr lang="cs-CZ" altLang="cs-CZ" sz="4031" dirty="0" err="1"/>
              <a:t>Albufeira</a:t>
            </a:r>
            <a:endParaRPr lang="cs-CZ" altLang="cs-CZ" sz="4031" dirty="0"/>
          </a:p>
        </p:txBody>
      </p:sp>
      <p:sp>
        <p:nvSpPr>
          <p:cNvPr id="9219" name="Zástupný obsah 2">
            <a:extLst>
              <a:ext uri="{FF2B5EF4-FFF2-40B4-BE49-F238E27FC236}">
                <a16:creationId xmlns:a16="http://schemas.microsoft.com/office/drawing/2014/main" id="{8888C2D9-544D-41EC-A463-7E6A13CA1C8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31255" y="1789567"/>
            <a:ext cx="8093499" cy="3323100"/>
          </a:xfrm>
        </p:spPr>
        <p:txBody>
          <a:bodyPr>
            <a:normAutofit fontScale="70000" lnSpcReduction="20000"/>
          </a:bodyPr>
          <a:lstStyle/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900" b="1" dirty="0">
                <a:ea typeface="Calibri" panose="020F0502020204030204" pitchFamily="34" charset="0"/>
                <a:cs typeface="Times New Roman" panose="02020603050405020304" pitchFamily="18" charset="0"/>
              </a:rPr>
              <a:t>6.týden / 1. Týden VT 164 km </a:t>
            </a:r>
            <a:r>
              <a:rPr lang="cs-CZ" altLang="cs-CZ" sz="1900" dirty="0">
                <a:ea typeface="Calibri" panose="020F0502020204030204" pitchFamily="34" charset="0"/>
                <a:cs typeface="Times New Roman" panose="02020603050405020304" pitchFamily="18" charset="0"/>
              </a:rPr>
              <a:t>+ 2 hodiny plavání 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900" dirty="0">
                <a:ea typeface="Calibri" panose="020F0502020204030204" pitchFamily="34" charset="0"/>
                <a:cs typeface="Times New Roman" panose="02020603050405020304" pitchFamily="18" charset="0"/>
              </a:rPr>
              <a:t>Práce stále na OV, k tomu ANP (5x2km 3:45-3:40/km), AEP (formou </a:t>
            </a:r>
            <a:r>
              <a:rPr lang="cs-CZ" altLang="cs-CZ" sz="1900" dirty="0" err="1">
                <a:ea typeface="Calibri" panose="020F0502020204030204" pitchFamily="34" charset="0"/>
                <a:cs typeface="Times New Roman" panose="02020603050405020304" pitchFamily="18" charset="0"/>
              </a:rPr>
              <a:t>fartleku</a:t>
            </a:r>
            <a:r>
              <a:rPr lang="cs-CZ" altLang="cs-CZ" sz="1900" dirty="0">
                <a:ea typeface="Calibri" panose="020F0502020204030204" pitchFamily="34" charset="0"/>
                <a:cs typeface="Times New Roman" panose="02020603050405020304" pitchFamily="18" charset="0"/>
              </a:rPr>
              <a:t>, např. 20 km a v tom posledních 7 km v tempu) + nově kopce (8x300 m)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900" b="1" dirty="0">
                <a:ea typeface="Calibri" panose="020F0502020204030204" pitchFamily="34" charset="0"/>
                <a:cs typeface="Times New Roman" panose="02020603050405020304" pitchFamily="18" charset="0"/>
              </a:rPr>
              <a:t>7. týden / 2. týden VT 170 km </a:t>
            </a:r>
            <a:r>
              <a:rPr lang="cs-CZ" altLang="cs-CZ" sz="1900" dirty="0">
                <a:ea typeface="Calibri" panose="020F0502020204030204" pitchFamily="34" charset="0"/>
                <a:cs typeface="Times New Roman" panose="02020603050405020304" pitchFamily="18" charset="0"/>
              </a:rPr>
              <a:t>+ 3 hodiny plavání 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900" dirty="0">
                <a:ea typeface="Calibri" panose="020F0502020204030204" pitchFamily="34" charset="0"/>
                <a:cs typeface="Times New Roman" panose="02020603050405020304" pitchFamily="18" charset="0"/>
              </a:rPr>
              <a:t>posilovna 2 x týdně, kopce 2 x týdně (kratší 50-200 m) delší (8x400 m), ANP 6x2 km SUMA 12 km 3:45-3:40/km, AEP 20 km a v tom 3x5 km 4:00/km, První dlouhý běh 25-30 km 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900" b="1" dirty="0">
                <a:ea typeface="Calibri" panose="020F0502020204030204" pitchFamily="34" charset="0"/>
                <a:cs typeface="Times New Roman" panose="02020603050405020304" pitchFamily="18" charset="0"/>
              </a:rPr>
              <a:t>8. týden / 3.týden VT 178 km </a:t>
            </a:r>
            <a:r>
              <a:rPr lang="cs-CZ" altLang="cs-CZ" sz="1900" dirty="0">
                <a:ea typeface="Calibri" panose="020F0502020204030204" pitchFamily="34" charset="0"/>
                <a:cs typeface="Times New Roman" panose="02020603050405020304" pitchFamily="18" charset="0"/>
              </a:rPr>
              <a:t>+ 3 hodiny plavání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900" dirty="0">
                <a:ea typeface="Calibri" panose="020F0502020204030204" pitchFamily="34" charset="0"/>
                <a:cs typeface="Times New Roman" panose="02020603050405020304" pitchFamily="18" charset="0"/>
              </a:rPr>
              <a:t>Posilovna 2x týdne,  kopce 2x týdně, ANP 3x(3km-2km) Suma 15 km 3:45-3:40/km  AEP 12 km souvisle 4:05/km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900" dirty="0">
                <a:ea typeface="Calibri" panose="020F0502020204030204" pitchFamily="34" charset="0"/>
                <a:cs typeface="Times New Roman" panose="02020603050405020304" pitchFamily="18" charset="0"/>
              </a:rPr>
              <a:t>Odlet domů = konec VT</a:t>
            </a:r>
          </a:p>
          <a:p>
            <a:endParaRPr lang="cs-CZ" altLang="cs-CZ" dirty="0"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</p:spTree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Nadpis 1">
            <a:extLst>
              <a:ext uri="{FF2B5EF4-FFF2-40B4-BE49-F238E27FC236}">
                <a16:creationId xmlns:a16="http://schemas.microsoft.com/office/drawing/2014/main" id="{92B02D74-FB75-44D0-B251-4FD1977C07B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0686" y="467612"/>
            <a:ext cx="7661449" cy="468592"/>
          </a:xfrm>
        </p:spPr>
        <p:txBody>
          <a:bodyPr/>
          <a:lstStyle/>
          <a:p>
            <a:r>
              <a:rPr lang="cs-CZ" dirty="0"/>
              <a:t>Ukázka 6. týden</a:t>
            </a:r>
          </a:p>
        </p:txBody>
      </p:sp>
      <p:graphicFrame>
        <p:nvGraphicFramePr>
          <p:cNvPr id="7" name="Zástupný obsah 6">
            <a:extLst>
              <a:ext uri="{FF2B5EF4-FFF2-40B4-BE49-F238E27FC236}">
                <a16:creationId xmlns:a16="http://schemas.microsoft.com/office/drawing/2014/main" id="{6B1072B8-D4E2-4E82-ADD5-F0FEECDDD517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796634621"/>
              </p:ext>
            </p:extLst>
          </p:nvPr>
        </p:nvGraphicFramePr>
        <p:xfrm>
          <a:off x="690563" y="1008211"/>
          <a:ext cx="8021611" cy="3960441"/>
        </p:xfrm>
        <a:graphic>
          <a:graphicData uri="http://schemas.openxmlformats.org/drawingml/2006/table">
            <a:tbl>
              <a:tblPr>
                <a:tableStyleId>{7E9639D4-E3E2-4D34-9284-5A2195B3D0D7}</a:tableStyleId>
              </a:tblPr>
              <a:tblGrid>
                <a:gridCol w="946193">
                  <a:extLst>
                    <a:ext uri="{9D8B030D-6E8A-4147-A177-3AD203B41FA5}">
                      <a16:colId xmlns:a16="http://schemas.microsoft.com/office/drawing/2014/main" val="2746211229"/>
                    </a:ext>
                  </a:extLst>
                </a:gridCol>
                <a:gridCol w="777981">
                  <a:extLst>
                    <a:ext uri="{9D8B030D-6E8A-4147-A177-3AD203B41FA5}">
                      <a16:colId xmlns:a16="http://schemas.microsoft.com/office/drawing/2014/main" val="1561858482"/>
                    </a:ext>
                  </a:extLst>
                </a:gridCol>
                <a:gridCol w="946193">
                  <a:extLst>
                    <a:ext uri="{9D8B030D-6E8A-4147-A177-3AD203B41FA5}">
                      <a16:colId xmlns:a16="http://schemas.microsoft.com/office/drawing/2014/main" val="3708067474"/>
                    </a:ext>
                  </a:extLst>
                </a:gridCol>
                <a:gridCol w="904140">
                  <a:extLst>
                    <a:ext uri="{9D8B030D-6E8A-4147-A177-3AD203B41FA5}">
                      <a16:colId xmlns:a16="http://schemas.microsoft.com/office/drawing/2014/main" val="2662152761"/>
                    </a:ext>
                  </a:extLst>
                </a:gridCol>
                <a:gridCol w="1219537">
                  <a:extLst>
                    <a:ext uri="{9D8B030D-6E8A-4147-A177-3AD203B41FA5}">
                      <a16:colId xmlns:a16="http://schemas.microsoft.com/office/drawing/2014/main" val="3705317461"/>
                    </a:ext>
                  </a:extLst>
                </a:gridCol>
                <a:gridCol w="1030299">
                  <a:extLst>
                    <a:ext uri="{9D8B030D-6E8A-4147-A177-3AD203B41FA5}">
                      <a16:colId xmlns:a16="http://schemas.microsoft.com/office/drawing/2014/main" val="2444881373"/>
                    </a:ext>
                  </a:extLst>
                </a:gridCol>
                <a:gridCol w="1240563">
                  <a:extLst>
                    <a:ext uri="{9D8B030D-6E8A-4147-A177-3AD203B41FA5}">
                      <a16:colId xmlns:a16="http://schemas.microsoft.com/office/drawing/2014/main" val="3811615195"/>
                    </a:ext>
                  </a:extLst>
                </a:gridCol>
                <a:gridCol w="956705">
                  <a:extLst>
                    <a:ext uri="{9D8B030D-6E8A-4147-A177-3AD203B41FA5}">
                      <a16:colId xmlns:a16="http://schemas.microsoft.com/office/drawing/2014/main" val="3148724339"/>
                    </a:ext>
                  </a:extLst>
                </a:gridCol>
              </a:tblGrid>
              <a:tr h="254444"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 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6.</a:t>
                      </a:r>
                      <a:endParaRPr lang="cs-CZ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38066695"/>
                  </a:ext>
                </a:extLst>
              </a:tr>
              <a:tr h="434574">
                <a:tc rowSpan="11">
                  <a:txBody>
                    <a:bodyPr/>
                    <a:lstStyle/>
                    <a:p>
                      <a:pPr algn="ctr" fontAlgn="ctr"/>
                      <a:r>
                        <a:rPr lang="cs-CZ" sz="1000" u="none" strike="noStrike" dirty="0">
                          <a:effectLst/>
                        </a:rPr>
                        <a:t>leden</a:t>
                      </a:r>
                      <a:endParaRPr lang="cs-CZ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11">
                  <a:txBody>
                    <a:bodyPr/>
                    <a:lstStyle/>
                    <a:p>
                      <a:pPr algn="ctr" fontAlgn="ctr"/>
                      <a:r>
                        <a:rPr lang="cs-CZ" sz="1000" u="none" strike="noStrike" dirty="0">
                          <a:effectLst/>
                        </a:rPr>
                        <a:t>11.-17.1.</a:t>
                      </a:r>
                      <a:endParaRPr lang="cs-CZ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PO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Poznávácí běžecká fáze po okolí - volný běh 12-14 km a mapování terénů .-)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27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52051063"/>
                  </a:ext>
                </a:extLst>
              </a:tr>
              <a:tr h="460423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UT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kopce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Rozklus 4-6 km + kopce 8x300 m / meziklus. Tempo žádné závratné cca 3:40/km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4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839895122"/>
                  </a:ext>
                </a:extLst>
              </a:tr>
              <a:tr h="25444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Volný běh 10 km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0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819544331"/>
                  </a:ext>
                </a:extLst>
              </a:tr>
              <a:tr h="25444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ST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 + AEP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Fartlek 14 km a v tom 2x4 km @4:00-3:50/km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6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0770218"/>
                  </a:ext>
                </a:extLst>
              </a:tr>
              <a:tr h="25444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Volný běh 10 km /POSILOVNA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7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526940478"/>
                  </a:ext>
                </a:extLst>
              </a:tr>
              <a:tr h="25444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ČT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pl-PL" sz="900" u="none" strike="noStrike">
                          <a:effectLst/>
                        </a:rPr>
                        <a:t>Volný běh 16-18 km - bez cukrů</a:t>
                      </a:r>
                      <a:endParaRPr lang="pl-PL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20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193550055"/>
                  </a:ext>
                </a:extLst>
              </a:tr>
              <a:tr h="25444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PA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ANP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nb-NO" sz="900" u="none" strike="noStrike">
                          <a:effectLst/>
                        </a:rPr>
                        <a:t>Rozklus 2-3 km, pak 5x2 km / pauza 3 min MKL @3:50-3:45/km</a:t>
                      </a:r>
                      <a:endParaRPr lang="nb-NO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8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137449095"/>
                  </a:ext>
                </a:extLst>
              </a:tr>
              <a:tr h="25444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Volný běh 10 km 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0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086312547"/>
                  </a:ext>
                </a:extLst>
              </a:tr>
              <a:tr h="52100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SO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OV + AEP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 dirty="0">
                          <a:effectLst/>
                        </a:rPr>
                        <a:t>Stupňovaný běh 16 km: 10 km volně a posledních 6 km @4:10-4:00/km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8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428033363"/>
                  </a:ext>
                </a:extLst>
              </a:tr>
              <a:tr h="25444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Volný běh 8 km 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 dirty="0">
                          <a:effectLst/>
                        </a:rPr>
                        <a:t>10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553240749"/>
                  </a:ext>
                </a:extLst>
              </a:tr>
              <a:tr h="25444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NE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Regenerační běh 10-12 km nebo kolo - bez cukrů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 dirty="0">
                          <a:effectLst/>
                        </a:rPr>
                        <a:t>14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81835139"/>
                  </a:ext>
                </a:extLst>
              </a:tr>
              <a:tr h="254444">
                <a:tc>
                  <a:txBody>
                    <a:bodyPr/>
                    <a:lstStyle/>
                    <a:p>
                      <a:pPr algn="l" fontAlgn="b"/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cs-CZ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b="1" u="none" strike="noStrike" dirty="0">
                          <a:effectLst/>
                        </a:rPr>
                        <a:t>164km</a:t>
                      </a:r>
                      <a:endParaRPr lang="cs-CZ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51261824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7547592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42" name="Nadpis 1">
            <a:extLst>
              <a:ext uri="{FF2B5EF4-FFF2-40B4-BE49-F238E27FC236}">
                <a16:creationId xmlns:a16="http://schemas.microsoft.com/office/drawing/2014/main" id="{1BEE2B11-4956-497A-A426-BE0CDB792EE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859" y="161512"/>
            <a:ext cx="7834068" cy="1206739"/>
          </a:xfrm>
        </p:spPr>
        <p:txBody>
          <a:bodyPr/>
          <a:lstStyle/>
          <a:p>
            <a:r>
              <a:rPr lang="cs-CZ" altLang="cs-CZ" dirty="0"/>
              <a:t>9. Týden </a:t>
            </a:r>
          </a:p>
        </p:txBody>
      </p:sp>
      <p:sp>
        <p:nvSpPr>
          <p:cNvPr id="10243" name="Zástupný obsah 2">
            <a:extLst>
              <a:ext uri="{FF2B5EF4-FFF2-40B4-BE49-F238E27FC236}">
                <a16:creationId xmlns:a16="http://schemas.microsoft.com/office/drawing/2014/main" id="{AF75BDA8-6704-47AA-A980-D9D20E55E73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9972" y="1368251"/>
            <a:ext cx="5443891" cy="3240360"/>
          </a:xfrm>
        </p:spPr>
        <p:txBody>
          <a:bodyPr>
            <a:normAutofit/>
          </a:bodyPr>
          <a:lstStyle/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Běhání převážně na páse (počasí + covid situace) 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endParaRPr lang="cs-CZ" altLang="cs-CZ" sz="1814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Vyšetření u Jirky Dostála – doplnění železa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endParaRPr lang="cs-CZ" altLang="cs-CZ" sz="1814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Odlet do Keni</a:t>
            </a:r>
          </a:p>
          <a:p>
            <a:endParaRPr lang="cs-CZ" altLang="cs-CZ" dirty="0"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10244" name="Grafický objekt 4" descr="Vzlétnout se souvislou výplní">
            <a:extLst>
              <a:ext uri="{FF2B5EF4-FFF2-40B4-BE49-F238E27FC236}">
                <a16:creationId xmlns:a16="http://schemas.microsoft.com/office/drawing/2014/main" id="{F2047236-8C8E-413B-8FFC-FB0F6531153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08070" y="3240459"/>
            <a:ext cx="870347" cy="8719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45" name="Grafický objekt 6" descr="Jehla se souvislou výplní">
            <a:extLst>
              <a:ext uri="{FF2B5EF4-FFF2-40B4-BE49-F238E27FC236}">
                <a16:creationId xmlns:a16="http://schemas.microsoft.com/office/drawing/2014/main" id="{113BB611-83F7-4D13-9573-6F5C9E86B7B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400603" y="2439193"/>
            <a:ext cx="750354" cy="75035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46" name="Grafický objekt 8" descr="Lék obrys">
            <a:extLst>
              <a:ext uri="{FF2B5EF4-FFF2-40B4-BE49-F238E27FC236}">
                <a16:creationId xmlns:a16="http://schemas.microsoft.com/office/drawing/2014/main" id="{48AF646F-DD35-4B6C-B790-A9E57E404E1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98346" y="2435627"/>
            <a:ext cx="750355" cy="7503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47" name="Grafický objekt 10" descr="Face with mask se souvislou výplní">
            <a:extLst>
              <a:ext uri="{FF2B5EF4-FFF2-40B4-BE49-F238E27FC236}">
                <a16:creationId xmlns:a16="http://schemas.microsoft.com/office/drawing/2014/main" id="{F19D110E-EC2A-4781-BA98-AFFC9B5D9BA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55791" y="1220524"/>
            <a:ext cx="750355" cy="75195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266" name="Nadpis 1">
            <a:extLst>
              <a:ext uri="{FF2B5EF4-FFF2-40B4-BE49-F238E27FC236}">
                <a16:creationId xmlns:a16="http://schemas.microsoft.com/office/drawing/2014/main" id="{2DEAD02D-40DB-4114-A225-46EC623788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 dirty="0"/>
              <a:t>10. Týden / 1. týden Keňa</a:t>
            </a:r>
          </a:p>
        </p:txBody>
      </p:sp>
      <p:sp>
        <p:nvSpPr>
          <p:cNvPr id="11267" name="Zástupný obsah 2">
            <a:extLst>
              <a:ext uri="{FF2B5EF4-FFF2-40B4-BE49-F238E27FC236}">
                <a16:creationId xmlns:a16="http://schemas.microsoft.com/office/drawing/2014/main" id="{59733531-C6E1-43CB-8BA4-4C530E2ADF3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60772" y="1210072"/>
            <a:ext cx="5526063" cy="3414192"/>
          </a:xfrm>
        </p:spPr>
        <p:txBody>
          <a:bodyPr>
            <a:normAutofit fontScale="92500"/>
          </a:bodyPr>
          <a:lstStyle/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10. týden / 1. týden Keňa </a:t>
            </a:r>
            <a:r>
              <a:rPr lang="cs-CZ" altLang="cs-CZ" sz="1814" b="1" dirty="0" err="1">
                <a:ea typeface="Calibri" panose="020F0502020204030204" pitchFamily="34" charset="0"/>
                <a:cs typeface="Times New Roman" panose="02020603050405020304" pitchFamily="18" charset="0"/>
              </a:rPr>
              <a:t>Iten</a:t>
            </a:r>
            <a:r>
              <a:rPr lang="cs-CZ" alt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 2400 m n. m. 122 km 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Běhání na tepy (do 140 , dole volné běhy kolem 5:30 – 5:00/km na 135 tepech), paradoxně rychleji než dole, tj. pod 5:00 min /km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Přerušované běhy (MCH), rovinky, tempo 10 km ve 400 m </a:t>
            </a:r>
            <a:r>
              <a:rPr lang="cs-CZ" altLang="cs-CZ" sz="1814" dirty="0" err="1">
                <a:ea typeface="Calibri" panose="020F0502020204030204" pitchFamily="34" charset="0"/>
                <a:cs typeface="Times New Roman" panose="02020603050405020304" pitchFamily="18" charset="0"/>
              </a:rPr>
              <a:t>usecich</a:t>
            </a:r>
            <a:r>
              <a:rPr lang="cs-CZ" alt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 cca + 20sec/km 18x400 m Pauza 1:20-1:00 na tep, Časy 1:28-1:24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Abecedy, posilování s vlastní vahou 2x a víckrát v týdnu</a:t>
            </a:r>
          </a:p>
          <a:p>
            <a:endParaRPr lang="cs-CZ" altLang="cs-CZ" dirty="0"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11268" name="Obrázek 4" descr="Obsah obrázku text, tráva, obloha, exteriér&#10;&#10;Popis byl vytvořen automaticky">
            <a:extLst>
              <a:ext uri="{FF2B5EF4-FFF2-40B4-BE49-F238E27FC236}">
                <a16:creationId xmlns:a16="http://schemas.microsoft.com/office/drawing/2014/main" id="{C49E6C5E-041D-4128-9BDD-1BF4F42FB7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93149" y="1488421"/>
            <a:ext cx="2657128" cy="332177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Nadpis 1">
            <a:extLst>
              <a:ext uri="{FF2B5EF4-FFF2-40B4-BE49-F238E27FC236}">
                <a16:creationId xmlns:a16="http://schemas.microsoft.com/office/drawing/2014/main" id="{32046CE1-C686-499E-86F1-1E26188DD3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0686" y="467612"/>
            <a:ext cx="7834068" cy="540600"/>
          </a:xfrm>
        </p:spPr>
        <p:txBody>
          <a:bodyPr/>
          <a:lstStyle/>
          <a:p>
            <a:r>
              <a:rPr lang="cs-CZ" dirty="0"/>
              <a:t>10. Týden </a:t>
            </a:r>
          </a:p>
        </p:txBody>
      </p:sp>
      <p:graphicFrame>
        <p:nvGraphicFramePr>
          <p:cNvPr id="7" name="Zástupný obsah 6">
            <a:extLst>
              <a:ext uri="{FF2B5EF4-FFF2-40B4-BE49-F238E27FC236}">
                <a16:creationId xmlns:a16="http://schemas.microsoft.com/office/drawing/2014/main" id="{2211A6BD-E3B0-4E80-B22F-0DED3CFEE89C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358099967"/>
              </p:ext>
            </p:extLst>
          </p:nvPr>
        </p:nvGraphicFramePr>
        <p:xfrm>
          <a:off x="431255" y="980669"/>
          <a:ext cx="8568953" cy="4216398"/>
        </p:xfrm>
        <a:graphic>
          <a:graphicData uri="http://schemas.openxmlformats.org/drawingml/2006/table">
            <a:tbl>
              <a:tblPr>
                <a:tableStyleId>{7E9639D4-E3E2-4D34-9284-5A2195B3D0D7}</a:tableStyleId>
              </a:tblPr>
              <a:tblGrid>
                <a:gridCol w="1169078">
                  <a:extLst>
                    <a:ext uri="{9D8B030D-6E8A-4147-A177-3AD203B41FA5}">
                      <a16:colId xmlns:a16="http://schemas.microsoft.com/office/drawing/2014/main" val="1618747706"/>
                    </a:ext>
                  </a:extLst>
                </a:gridCol>
                <a:gridCol w="950678">
                  <a:extLst>
                    <a:ext uri="{9D8B030D-6E8A-4147-A177-3AD203B41FA5}">
                      <a16:colId xmlns:a16="http://schemas.microsoft.com/office/drawing/2014/main" val="2446476217"/>
                    </a:ext>
                  </a:extLst>
                </a:gridCol>
                <a:gridCol w="1156230">
                  <a:extLst>
                    <a:ext uri="{9D8B030D-6E8A-4147-A177-3AD203B41FA5}">
                      <a16:colId xmlns:a16="http://schemas.microsoft.com/office/drawing/2014/main" val="2943846995"/>
                    </a:ext>
                  </a:extLst>
                </a:gridCol>
                <a:gridCol w="1104843">
                  <a:extLst>
                    <a:ext uri="{9D8B030D-6E8A-4147-A177-3AD203B41FA5}">
                      <a16:colId xmlns:a16="http://schemas.microsoft.com/office/drawing/2014/main" val="2336157372"/>
                    </a:ext>
                  </a:extLst>
                </a:gridCol>
                <a:gridCol w="3019046">
                  <a:extLst>
                    <a:ext uri="{9D8B030D-6E8A-4147-A177-3AD203B41FA5}">
                      <a16:colId xmlns:a16="http://schemas.microsoft.com/office/drawing/2014/main" val="276588961"/>
                    </a:ext>
                  </a:extLst>
                </a:gridCol>
                <a:gridCol w="1169078">
                  <a:extLst>
                    <a:ext uri="{9D8B030D-6E8A-4147-A177-3AD203B41FA5}">
                      <a16:colId xmlns:a16="http://schemas.microsoft.com/office/drawing/2014/main" val="429602102"/>
                    </a:ext>
                  </a:extLst>
                </a:gridCol>
              </a:tblGrid>
              <a:tr h="166601"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 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10.</a:t>
                      </a:r>
                      <a:endParaRPr lang="cs-CZ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KEŇA 1.týden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81271157"/>
                  </a:ext>
                </a:extLst>
              </a:tr>
              <a:tr h="364937">
                <a:tc>
                  <a:txBody>
                    <a:bodyPr/>
                    <a:lstStyle/>
                    <a:p>
                      <a:pPr algn="ctr" fontAlgn="ctr"/>
                      <a:r>
                        <a:rPr lang="cs-CZ" sz="900" u="none" strike="noStrike" dirty="0">
                          <a:effectLst/>
                        </a:rPr>
                        <a:t> </a:t>
                      </a:r>
                      <a:endParaRPr lang="cs-CZ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PO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OV/ přílet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 dirty="0">
                          <a:effectLst/>
                        </a:rPr>
                        <a:t>Buď volno nebo procházka 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97627771"/>
                  </a:ext>
                </a:extLst>
              </a:tr>
              <a:tr h="166601">
                <a:tc rowSpan="12">
                  <a:txBody>
                    <a:bodyPr/>
                    <a:lstStyle/>
                    <a:p>
                      <a:pPr algn="ctr" fontAlgn="ctr"/>
                      <a:r>
                        <a:rPr lang="cs-CZ" sz="900" u="none" strike="noStrike" dirty="0">
                          <a:effectLst/>
                        </a:rPr>
                        <a:t>únor</a:t>
                      </a:r>
                      <a:endParaRPr lang="cs-CZ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12">
                  <a:txBody>
                    <a:bodyPr/>
                    <a:lstStyle/>
                    <a:p>
                      <a:pPr algn="ctr" fontAlgn="ctr"/>
                      <a:r>
                        <a:rPr lang="cs-CZ" sz="900" u="none" strike="noStrike" dirty="0">
                          <a:effectLst/>
                        </a:rPr>
                        <a:t>8.-14.2.</a:t>
                      </a:r>
                      <a:endParaRPr lang="cs-CZ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406531250"/>
                  </a:ext>
                </a:extLst>
              </a:tr>
              <a:tr h="301469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UT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 dirty="0">
                          <a:effectLst/>
                        </a:rPr>
                        <a:t>Volný běh buď souvisle 10km nebo 2x5 km s procházkou do 5 min. Hlídat tepy do 140!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0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87675867"/>
                  </a:ext>
                </a:extLst>
              </a:tr>
              <a:tr h="284545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cvičení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Rozklus do 3-4 km + cvičení s vlastní váhou těla (protahování/posilování)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5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11500320"/>
                  </a:ext>
                </a:extLst>
              </a:tr>
              <a:tr h="16660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ST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pl-PL" sz="900" u="none" strike="noStrike">
                          <a:effectLst/>
                        </a:rPr>
                        <a:t>Volný běh do 10 km do 140 tepů</a:t>
                      </a:r>
                      <a:endParaRPr lang="pl-PL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4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50716121"/>
                  </a:ext>
                </a:extLst>
              </a:tr>
              <a:tr h="16660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8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56737897"/>
                  </a:ext>
                </a:extLst>
              </a:tr>
              <a:tr h="42840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ČT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OV + kopce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Rozklus 3-4 km, pak protažení, abecedy + kopce 12x100 m, mezichůze-meziklus, ale na úsek vybíhat vždy když budeš v pohodě vydýchaná. výklus 2-3 km 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3</a:t>
                      </a:r>
                      <a:endParaRPr lang="cs-CZ" sz="900" b="1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30521879"/>
                  </a:ext>
                </a:extLst>
              </a:tr>
              <a:tr h="16660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OV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Volný běh 8-10 km 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9,5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578652728"/>
                  </a:ext>
                </a:extLst>
              </a:tr>
              <a:tr h="16660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PA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OV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 dirty="0">
                          <a:effectLst/>
                        </a:rPr>
                        <a:t>Volný běh 10-14 km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5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621792976"/>
                  </a:ext>
                </a:extLst>
              </a:tr>
              <a:tr h="16660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036533658"/>
                  </a:ext>
                </a:extLst>
              </a:tr>
              <a:tr h="843058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SO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T 10 km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 dirty="0">
                          <a:effectLst/>
                        </a:rPr>
                        <a:t>2x8x400 m / pauza 1-1:20 min (především bys tedy neměla vybíhat na úsek, když nebude tep pod 120! Můžeš však zároveň pauzu i zkrátit, když budeš mít tep brzy pod 120). Tempo by mohlo být 1:32. Ale to je můj první odhad situace. Nevím jak rychle půjde aklimatizace a je důležité pravidlo na první 3 týdny, raději volněji než rychleji. REALITA:</a:t>
                      </a:r>
                      <a:r>
                        <a:rPr lang="cs-CZ" sz="1361" b="0" i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cs-CZ" sz="900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3/23/27/25/24/27/24/19/25/23/20/25/30/25/28/21/29/78</a:t>
                      </a: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>
                          <a:effectLst/>
                        </a:rPr>
                        <a:t>15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20168581"/>
                  </a:ext>
                </a:extLst>
              </a:tr>
              <a:tr h="16660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 dirty="0">
                          <a:effectLst/>
                        </a:rPr>
                        <a:t>Volný běh 8-10 km 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 dirty="0">
                          <a:effectLst/>
                        </a:rPr>
                        <a:t>12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92776118"/>
                  </a:ext>
                </a:extLst>
              </a:tr>
              <a:tr h="16660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NE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OV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900" u="none" strike="noStrike">
                          <a:effectLst/>
                        </a:rPr>
                        <a:t>Volný běh 14-18 km 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900" u="none" strike="noStrike" dirty="0">
                          <a:effectLst/>
                        </a:rPr>
                        <a:t>20</a:t>
                      </a:r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12801759"/>
                  </a:ext>
                </a:extLst>
              </a:tr>
              <a:tr h="166601">
                <a:tc>
                  <a:txBody>
                    <a:bodyPr/>
                    <a:lstStyle/>
                    <a:p>
                      <a:pPr algn="l" fontAlgn="b"/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4"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>
                          <a:effectLst/>
                        </a:rPr>
                        <a:t> </a:t>
                      </a:r>
                      <a:endParaRPr lang="cs-CZ" sz="9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u="none" strike="noStrike" dirty="0">
                          <a:effectLst/>
                        </a:rPr>
                        <a:t>122 km</a:t>
                      </a:r>
                      <a:endParaRPr lang="cs-CZ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3522" marR="3522" marT="352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2162216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4238652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290" name="Nadpis 1">
            <a:extLst>
              <a:ext uri="{FF2B5EF4-FFF2-40B4-BE49-F238E27FC236}">
                <a16:creationId xmlns:a16="http://schemas.microsoft.com/office/drawing/2014/main" id="{C13B5CFD-303B-42BB-AB80-511E90E992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/>
              <a:t>11.-12. týden / 2.-3. Keňa</a:t>
            </a:r>
          </a:p>
        </p:txBody>
      </p:sp>
      <p:sp>
        <p:nvSpPr>
          <p:cNvPr id="3" name="Zástupný obsah 2">
            <a:extLst>
              <a:ext uri="{FF2B5EF4-FFF2-40B4-BE49-F238E27FC236}">
                <a16:creationId xmlns:a16="http://schemas.microsoft.com/office/drawing/2014/main" id="{597BB71F-EFB2-4C6F-A20F-D9FA200C37A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70000" lnSpcReduction="20000"/>
          </a:bodyPr>
          <a:lstStyle/>
          <a:p>
            <a:pPr marL="0" indent="0">
              <a:lnSpc>
                <a:spcPct val="107000"/>
              </a:lnSpc>
              <a:spcAft>
                <a:spcPts val="806"/>
              </a:spcAft>
              <a:buNone/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 </a:t>
            </a:r>
            <a:r>
              <a:rPr 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11. týden / 2. týden Keňa, 172 km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AEP v 1 km úsecích nebo 3x2 km kolem 4:00/km, Koncem týdne již ANP 5x1600 m 3:50-3:45 min /km, 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Souvislý běh 26 km</a:t>
            </a:r>
          </a:p>
          <a:p>
            <a:pPr marL="0" indent="0">
              <a:lnSpc>
                <a:spcPct val="107000"/>
              </a:lnSpc>
              <a:spcAft>
                <a:spcPts val="806"/>
              </a:spcAft>
              <a:buNone/>
              <a:defRPr/>
            </a:pPr>
            <a:r>
              <a:rPr 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12. týden / 3.týden Keňa, 186 km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10 km: 2x10x400 m 1 min CH-KL 78-76 sec, Kopce 1x(3x5x200 m), síla 2-3 x, AEP 2x4 km jako </a:t>
            </a:r>
            <a:r>
              <a:rPr lang="cs-CZ" sz="1814" dirty="0" err="1">
                <a:ea typeface="Calibri" panose="020F0502020204030204" pitchFamily="34" charset="0"/>
                <a:cs typeface="Times New Roman" panose="02020603050405020304" pitchFamily="18" charset="0"/>
              </a:rPr>
              <a:t>Fartlek</a:t>
            </a: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 ve 20 km Tempo 4:05-4:00/km, ANP 6x2 km dráha, </a:t>
            </a:r>
            <a:r>
              <a:rPr lang="cs-CZ" sz="1814" dirty="0" err="1">
                <a:ea typeface="Calibri" panose="020F0502020204030204" pitchFamily="34" charset="0"/>
                <a:cs typeface="Times New Roman" panose="02020603050405020304" pitchFamily="18" charset="0"/>
              </a:rPr>
              <a:t>karbonky</a:t>
            </a: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 3:25 min/km – 3:38 min/km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Dlouhý běh 32 km 4:53 min/km</a:t>
            </a:r>
          </a:p>
          <a:p>
            <a:pPr>
              <a:defRPr/>
            </a:pPr>
            <a:endParaRPr lang="cs-CZ" dirty="0"/>
          </a:p>
        </p:txBody>
      </p:sp>
    </p:spTree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314" name="Nadpis 1">
            <a:extLst>
              <a:ext uri="{FF2B5EF4-FFF2-40B4-BE49-F238E27FC236}">
                <a16:creationId xmlns:a16="http://schemas.microsoft.com/office/drawing/2014/main" id="{70563AB9-8690-448C-99FB-4AD13FD4CB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 dirty="0"/>
              <a:t>13.-15. týden / Keňa 4.-6. týden</a:t>
            </a:r>
          </a:p>
        </p:txBody>
      </p:sp>
      <p:sp>
        <p:nvSpPr>
          <p:cNvPr id="3" name="Zástupný obsah 2">
            <a:extLst>
              <a:ext uri="{FF2B5EF4-FFF2-40B4-BE49-F238E27FC236}">
                <a16:creationId xmlns:a16="http://schemas.microsoft.com/office/drawing/2014/main" id="{8E137E63-73C3-451A-BB81-D644DA966A2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62500" lnSpcReduction="20000"/>
          </a:bodyPr>
          <a:lstStyle/>
          <a:p>
            <a:pPr marL="0" indent="0">
              <a:lnSpc>
                <a:spcPct val="107000"/>
              </a:lnSpc>
              <a:spcAft>
                <a:spcPts val="806"/>
              </a:spcAft>
              <a:buNone/>
              <a:defRPr/>
            </a:pPr>
            <a:r>
              <a:rPr 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13. týden / 4. týden Keňa 190 km 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2 x v týdnu kopce (krátké, dlouhé až 1 km ), Speciální maratonský trénink 25 km + </a:t>
            </a:r>
            <a:r>
              <a:rPr lang="cs-CZ" sz="1814" dirty="0" err="1">
                <a:ea typeface="Calibri" panose="020F0502020204030204" pitchFamily="34" charset="0"/>
                <a:cs typeface="Times New Roman" panose="02020603050405020304" pitchFamily="18" charset="0"/>
              </a:rPr>
              <a:t>rozklus</a:t>
            </a: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cs-CZ" sz="1814" dirty="0" err="1">
                <a:ea typeface="Calibri" panose="020F0502020204030204" pitchFamily="34" charset="0"/>
                <a:cs typeface="Times New Roman" panose="02020603050405020304" pitchFamily="18" charset="0"/>
              </a:rPr>
              <a:t>výklus</a:t>
            </a: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 = přes 30 km. V tom 4x (4 km –500 m MB- 1 km) – 1 km MB Tempo úseků 3:50-3:45/km a 3:30/km , Tempo MB 4:50/km </a:t>
            </a:r>
          </a:p>
          <a:p>
            <a:pPr marL="0" indent="0">
              <a:lnSpc>
                <a:spcPct val="107000"/>
              </a:lnSpc>
              <a:spcAft>
                <a:spcPts val="806"/>
              </a:spcAft>
              <a:buNone/>
              <a:defRPr/>
            </a:pPr>
            <a:r>
              <a:rPr 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14. týden / 5. týden Keňa 207 km 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ANP: </a:t>
            </a:r>
            <a:r>
              <a:rPr lang="cs-CZ" sz="1814" dirty="0" err="1">
                <a:ea typeface="Calibri" panose="020F0502020204030204" pitchFamily="34" charset="0"/>
                <a:cs typeface="Times New Roman" panose="02020603050405020304" pitchFamily="18" charset="0"/>
              </a:rPr>
              <a:t>Fartlek</a:t>
            </a: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 14 km: 5 km  -3:37/km  -1 km </a:t>
            </a:r>
            <a:r>
              <a:rPr lang="cs-CZ" sz="1814" dirty="0" err="1">
                <a:ea typeface="Calibri" panose="020F0502020204030204" pitchFamily="34" charset="0"/>
                <a:cs typeface="Times New Roman" panose="02020603050405020304" pitchFamily="18" charset="0"/>
              </a:rPr>
              <a:t>flow</a:t>
            </a: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 – 4 km 3:38/km – 1 km </a:t>
            </a:r>
            <a:r>
              <a:rPr lang="cs-CZ" sz="1814" dirty="0" err="1">
                <a:ea typeface="Calibri" panose="020F0502020204030204" pitchFamily="34" charset="0"/>
                <a:cs typeface="Times New Roman" panose="02020603050405020304" pitchFamily="18" charset="0"/>
              </a:rPr>
              <a:t>flow</a:t>
            </a: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 – 3 km 3:35/km, Dlouhý běh 40 km progresivně posledních 10km. Prvních 30 km 4:35/km a posledních 10 km 3:48/km</a:t>
            </a:r>
          </a:p>
          <a:p>
            <a:pPr marL="0" indent="0">
              <a:lnSpc>
                <a:spcPct val="107000"/>
              </a:lnSpc>
              <a:spcAft>
                <a:spcPts val="806"/>
              </a:spcAft>
              <a:buNone/>
              <a:defRPr/>
            </a:pPr>
            <a:r>
              <a:rPr 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15. týden / 6. týden Keňa 149 km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25 km </a:t>
            </a:r>
            <a:r>
              <a:rPr lang="cs-CZ" sz="1814" dirty="0">
                <a:solidFill>
                  <a:srgbClr val="000000"/>
                </a:solidFill>
                <a:latin typeface="Roboto" panose="020000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@maratonské závodní tempo</a:t>
            </a: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 PLÁN 3:45/km , realita 3:52/km</a:t>
            </a:r>
          </a:p>
          <a:p>
            <a:pPr>
              <a:defRPr/>
            </a:pPr>
            <a:endParaRPr lang="cs-CZ" dirty="0"/>
          </a:p>
        </p:txBody>
      </p:sp>
    </p:spTree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Nadpis 1">
            <a:extLst>
              <a:ext uri="{FF2B5EF4-FFF2-40B4-BE49-F238E27FC236}">
                <a16:creationId xmlns:a16="http://schemas.microsoft.com/office/drawing/2014/main" id="{D33579D5-EEC8-41F5-88FC-27BE23FADF3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0685" y="282596"/>
            <a:ext cx="7834068" cy="504057"/>
          </a:xfrm>
        </p:spPr>
        <p:txBody>
          <a:bodyPr>
            <a:normAutofit/>
          </a:bodyPr>
          <a:lstStyle/>
          <a:p>
            <a:r>
              <a:rPr lang="cs-CZ" dirty="0"/>
              <a:t>14. Týden</a:t>
            </a:r>
          </a:p>
        </p:txBody>
      </p:sp>
      <p:graphicFrame>
        <p:nvGraphicFramePr>
          <p:cNvPr id="7" name="Zástupný obsah 6">
            <a:extLst>
              <a:ext uri="{FF2B5EF4-FFF2-40B4-BE49-F238E27FC236}">
                <a16:creationId xmlns:a16="http://schemas.microsoft.com/office/drawing/2014/main" id="{473FE2F7-B180-4435-850D-4FF6A4FBFA2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369574057"/>
              </p:ext>
            </p:extLst>
          </p:nvPr>
        </p:nvGraphicFramePr>
        <p:xfrm>
          <a:off x="0" y="1080220"/>
          <a:ext cx="9215439" cy="4189295"/>
        </p:xfrm>
        <a:graphic>
          <a:graphicData uri="http://schemas.openxmlformats.org/drawingml/2006/table">
            <a:tbl>
              <a:tblPr>
                <a:tableStyleId>{7E9639D4-E3E2-4D34-9284-5A2195B3D0D7}</a:tableStyleId>
              </a:tblPr>
              <a:tblGrid>
                <a:gridCol w="1245329">
                  <a:extLst>
                    <a:ext uri="{9D8B030D-6E8A-4147-A177-3AD203B41FA5}">
                      <a16:colId xmlns:a16="http://schemas.microsoft.com/office/drawing/2014/main" val="1172428092"/>
                    </a:ext>
                  </a:extLst>
                </a:gridCol>
                <a:gridCol w="1023939">
                  <a:extLst>
                    <a:ext uri="{9D8B030D-6E8A-4147-A177-3AD203B41FA5}">
                      <a16:colId xmlns:a16="http://schemas.microsoft.com/office/drawing/2014/main" val="1429137412"/>
                    </a:ext>
                  </a:extLst>
                </a:gridCol>
                <a:gridCol w="1245329">
                  <a:extLst>
                    <a:ext uri="{9D8B030D-6E8A-4147-A177-3AD203B41FA5}">
                      <a16:colId xmlns:a16="http://schemas.microsoft.com/office/drawing/2014/main" val="515101410"/>
                    </a:ext>
                  </a:extLst>
                </a:gridCol>
                <a:gridCol w="1189981">
                  <a:extLst>
                    <a:ext uri="{9D8B030D-6E8A-4147-A177-3AD203B41FA5}">
                      <a16:colId xmlns:a16="http://schemas.microsoft.com/office/drawing/2014/main" val="908648767"/>
                    </a:ext>
                  </a:extLst>
                </a:gridCol>
                <a:gridCol w="3251694">
                  <a:extLst>
                    <a:ext uri="{9D8B030D-6E8A-4147-A177-3AD203B41FA5}">
                      <a16:colId xmlns:a16="http://schemas.microsoft.com/office/drawing/2014/main" val="3762855691"/>
                    </a:ext>
                  </a:extLst>
                </a:gridCol>
                <a:gridCol w="1259167">
                  <a:extLst>
                    <a:ext uri="{9D8B030D-6E8A-4147-A177-3AD203B41FA5}">
                      <a16:colId xmlns:a16="http://schemas.microsoft.com/office/drawing/2014/main" val="1460686958"/>
                    </a:ext>
                  </a:extLst>
                </a:gridCol>
              </a:tblGrid>
              <a:tr h="98651">
                <a:tc>
                  <a:txBody>
                    <a:bodyPr/>
                    <a:lstStyle/>
                    <a:p>
                      <a:pPr algn="l" fontAlgn="b"/>
                      <a:r>
                        <a:rPr lang="cs-CZ" sz="400" u="none" strike="noStrike">
                          <a:effectLst/>
                        </a:rPr>
                        <a:t> </a:t>
                      </a:r>
                      <a:endParaRPr lang="cs-CZ" sz="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400" u="none" strike="noStrike">
                          <a:effectLst/>
                        </a:rPr>
                        <a:t>14.</a:t>
                      </a:r>
                      <a:endParaRPr lang="cs-CZ" sz="4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3">
                  <a:txBody>
                    <a:bodyPr/>
                    <a:lstStyle/>
                    <a:p>
                      <a:pPr algn="l" fontAlgn="b"/>
                      <a:r>
                        <a:rPr lang="cs-CZ" sz="400" u="none" strike="noStrike">
                          <a:effectLst/>
                        </a:rPr>
                        <a:t>KEŇA 5.týden</a:t>
                      </a:r>
                      <a:endParaRPr lang="cs-CZ" sz="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endParaRPr lang="cs-CZ" sz="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1711865"/>
                  </a:ext>
                </a:extLst>
              </a:tr>
              <a:tr h="474465">
                <a:tc>
                  <a:txBody>
                    <a:bodyPr/>
                    <a:lstStyle/>
                    <a:p>
                      <a:pPr algn="ctr" fontAlgn="ctr"/>
                      <a:r>
                        <a:rPr lang="cs-CZ" sz="800" u="none" strike="noStrike" dirty="0">
                          <a:effectLst/>
                        </a:rPr>
                        <a:t> </a:t>
                      </a:r>
                      <a:endParaRPr lang="cs-CZ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cs-CZ" sz="800" u="none" strike="noStrike">
                          <a:effectLst/>
                        </a:rPr>
                        <a:t> </a:t>
                      </a:r>
                      <a:endParaRPr lang="cs-CZ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PO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kopce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Volný běh 6 km + kopce 6x50 - 4x100 - 6x50 - 4x100 /mezichuze-meziklus, po serii 3-4 min pauza. Je to stejný trénink jako má Vláďa, resp. o poslední 4x100 m navíc. 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6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48686567"/>
                  </a:ext>
                </a:extLst>
              </a:tr>
              <a:tr h="98651">
                <a:tc rowSpan="12">
                  <a:txBody>
                    <a:bodyPr/>
                    <a:lstStyle/>
                    <a:p>
                      <a:pPr algn="ctr" fontAlgn="ctr"/>
                      <a:r>
                        <a:rPr lang="cs-CZ" sz="800" u="none" strike="noStrike" dirty="0">
                          <a:effectLst/>
                        </a:rPr>
                        <a:t>březen</a:t>
                      </a:r>
                      <a:endParaRPr lang="cs-CZ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12">
                  <a:txBody>
                    <a:bodyPr/>
                    <a:lstStyle/>
                    <a:p>
                      <a:pPr algn="ctr" fontAlgn="ctr"/>
                      <a:r>
                        <a:rPr lang="cs-CZ" sz="800" u="none" strike="noStrike" dirty="0">
                          <a:effectLst/>
                        </a:rPr>
                        <a:t>8.-14.3.</a:t>
                      </a:r>
                      <a:endParaRPr lang="cs-CZ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 + posilování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Volný běh do 10 km + posilování 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0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43225055"/>
                  </a:ext>
                </a:extLst>
              </a:tr>
              <a:tr h="178512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UT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T10 km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10x800 m / pauza 2 min @3:25-20/km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6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9154733"/>
                  </a:ext>
                </a:extLst>
              </a:tr>
              <a:tr h="9865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Volný běh 12 km 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1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76415776"/>
                  </a:ext>
                </a:extLst>
              </a:tr>
              <a:tr h="9865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ST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 až AEP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rowSpan="2"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Lehce tempový běh 18 km @4:00-3:50/km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24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014091970"/>
                  </a:ext>
                </a:extLst>
              </a:tr>
              <a:tr h="9865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 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76943502"/>
                  </a:ext>
                </a:extLst>
              </a:tr>
              <a:tr h="554323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ČT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 + kopce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Volný běh 8 km + kopce 5x100 - 3x1 km - 5x100 / ty stovky jsou na dobrý pocit a ty kiláky na přežití :) Nejde mi o žádné závratné tempo. Předpokládám trochu únavu a jde mi kombinaci síly a anaerobního zatížení. 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9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07352952"/>
                  </a:ext>
                </a:extLst>
              </a:tr>
              <a:tr h="633544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OV + ANP + T10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Rozklus 2km, protažení. Pak fartlek 12 km: Nejprve 4 km volně a následně 2x2 km @3:45-3:40/km s 3 min meziklusu (může být volně @5:00/km nebo když se budeš cítit dobře, tak lehce v tempu 4:30/km), potom opět 3 min a 4x2 minuty @3:35-3:30/km. Mezi těma 2 minutama budou také 2 minuty volného běhu. Zbytek už volně. 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5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424866921"/>
                  </a:ext>
                </a:extLst>
              </a:tr>
              <a:tr h="38051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PA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OV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 dirty="0">
                          <a:effectLst/>
                        </a:rPr>
                        <a:t>Volný běh 12-16 km 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6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68378336"/>
                  </a:ext>
                </a:extLst>
              </a:tr>
              <a:tr h="363367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OV + rovinky + SBC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 dirty="0">
                          <a:effectLst/>
                        </a:rPr>
                        <a:t>Volný běh 4-6 km, protažení, 10-12 x 50 m cviky z abecedy a 3x5x100 m rovinky. Je to zase na dobrý pocit. Takže na časech nesejde. Užít si to, že je to krátké :) 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 dirty="0">
                          <a:effectLst/>
                        </a:rPr>
                        <a:t>10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1936322"/>
                  </a:ext>
                </a:extLst>
              </a:tr>
              <a:tr h="483860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SO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ANP + T10 km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Rozklus, protažení, pak 5km @3:45-3:30/km- 4km @3:35-3:25- 3 km @3:32-3:20/km / Pauza 3 min (ideálně na rovině, pevný podklad)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 dirty="0">
                          <a:effectLst/>
                        </a:rPr>
                        <a:t>16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139838124"/>
                  </a:ext>
                </a:extLst>
              </a:tr>
              <a:tr h="98651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Regenerační běh 8-10 km 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 dirty="0">
                          <a:effectLst/>
                        </a:rPr>
                        <a:t>10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09225006"/>
                  </a:ext>
                </a:extLst>
              </a:tr>
              <a:tr h="273309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NE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 + AEP + ANP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Dlouhý běh 35-40 km progresivně, tzn. většina bude volně, ale závěrečných 10 km do tempa maratonu, tj. @3:45 (ekvivalent výšky a terénu)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 dirty="0">
                          <a:effectLst/>
                        </a:rPr>
                        <a:t>40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19526056"/>
                  </a:ext>
                </a:extLst>
              </a:tr>
              <a:tr h="98651">
                <a:tc>
                  <a:txBody>
                    <a:bodyPr/>
                    <a:lstStyle/>
                    <a:p>
                      <a:pPr algn="l" fontAlgn="b"/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gridSpan="4"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 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207km</a:t>
                      </a:r>
                      <a:endParaRPr lang="cs-CZ" sz="8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2120" marR="2120" marT="2120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03571988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90794556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338" name="Nadpis 1">
            <a:extLst>
              <a:ext uri="{FF2B5EF4-FFF2-40B4-BE49-F238E27FC236}">
                <a16:creationId xmlns:a16="http://schemas.microsoft.com/office/drawing/2014/main" id="{BC786B00-028F-4DB8-9C21-F7D589745E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/>
              <a:t>16.-18. týden / Keňa 7.-9. týden</a:t>
            </a:r>
          </a:p>
        </p:txBody>
      </p:sp>
      <p:sp>
        <p:nvSpPr>
          <p:cNvPr id="3" name="Zástupný obsah 2">
            <a:extLst>
              <a:ext uri="{FF2B5EF4-FFF2-40B4-BE49-F238E27FC236}">
                <a16:creationId xmlns:a16="http://schemas.microsoft.com/office/drawing/2014/main" id="{DEA81F47-EC5E-45E6-9714-1A8660DEB21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85000" lnSpcReduction="20000"/>
          </a:bodyPr>
          <a:lstStyle/>
          <a:p>
            <a:pPr marL="0" indent="0">
              <a:lnSpc>
                <a:spcPct val="107000"/>
              </a:lnSpc>
              <a:spcAft>
                <a:spcPts val="806"/>
              </a:spcAft>
              <a:buNone/>
              <a:defRPr/>
            </a:pPr>
            <a:r>
              <a:rPr 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16. týden / 7. týden Keňa 190 km 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3x10x400 m Pauza 100 m MKL1:20-1:18 min, první 2 série 1:20 a 3. série 1:17 průměr</a:t>
            </a:r>
          </a:p>
          <a:p>
            <a:pPr marL="0" indent="0">
              <a:lnSpc>
                <a:spcPct val="107000"/>
              </a:lnSpc>
              <a:spcAft>
                <a:spcPts val="806"/>
              </a:spcAft>
              <a:buNone/>
              <a:defRPr/>
            </a:pPr>
            <a:r>
              <a:rPr 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17. týden / 8. týden Keňa 185 km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2x6x600 m / 200 m CH-KL Průměr 1:58, </a:t>
            </a:r>
            <a:r>
              <a:rPr lang="cs-CZ" sz="1814" dirty="0" err="1">
                <a:ea typeface="Calibri" panose="020F0502020204030204" pitchFamily="34" charset="0"/>
                <a:cs typeface="Times New Roman" panose="02020603050405020304" pitchFamily="18" charset="0"/>
              </a:rPr>
              <a:t>posl</a:t>
            </a:r>
            <a:r>
              <a:rPr lang="cs-CZ" sz="1814" dirty="0">
                <a:ea typeface="Calibri" panose="020F0502020204030204" pitchFamily="34" charset="0"/>
                <a:cs typeface="Times New Roman" panose="02020603050405020304" pitchFamily="18" charset="0"/>
              </a:rPr>
              <a:t>. 1:55 min </a:t>
            </a:r>
          </a:p>
          <a:p>
            <a:pPr marL="0" indent="0">
              <a:lnSpc>
                <a:spcPct val="107000"/>
              </a:lnSpc>
              <a:spcAft>
                <a:spcPts val="806"/>
              </a:spcAft>
              <a:buNone/>
              <a:defRPr/>
            </a:pPr>
            <a:r>
              <a:rPr lang="cs-CZ" sz="1814" b="1" dirty="0">
                <a:ea typeface="Calibri" panose="020F0502020204030204" pitchFamily="34" charset="0"/>
                <a:cs typeface="Times New Roman" panose="02020603050405020304" pitchFamily="18" charset="0"/>
              </a:rPr>
              <a:t>18. týden / 9. týden Keňa 176 km</a:t>
            </a:r>
          </a:p>
          <a:p>
            <a:pPr>
              <a:lnSpc>
                <a:spcPct val="107000"/>
              </a:lnSpc>
              <a:spcAft>
                <a:spcPts val="806"/>
              </a:spcAft>
              <a:defRPr/>
            </a:pPr>
            <a:r>
              <a:rPr lang="cs-CZ" sz="1612" dirty="0">
                <a:solidFill>
                  <a:srgbClr val="000000"/>
                </a:solidFill>
                <a:latin typeface="Roboto" panose="020000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3 km - 1 km - 1 km - 3km- 1 km - 1 km - 2 km / pauza po 3 km 3 min a mezi 1 km jen 1 min.</a:t>
            </a:r>
            <a:r>
              <a:rPr lang="cs-CZ" sz="1612" dirty="0"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cs-CZ" sz="1612" dirty="0">
                <a:solidFill>
                  <a:srgbClr val="000000"/>
                </a:solidFill>
                <a:latin typeface="Roboto" panose="020000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3(3:34/30/28)-1@3:16 -1@3:17 - 3(3:28/33/32)- 1@3:13- 1@3:19 - 2 @3:26/22</a:t>
            </a:r>
          </a:p>
          <a:p>
            <a:pPr>
              <a:defRPr/>
            </a:pPr>
            <a:endParaRPr lang="cs-CZ" dirty="0"/>
          </a:p>
        </p:txBody>
      </p:sp>
    </p:spTree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Nadpis 1">
            <a:extLst>
              <a:ext uri="{FF2B5EF4-FFF2-40B4-BE49-F238E27FC236}">
                <a16:creationId xmlns:a16="http://schemas.microsoft.com/office/drawing/2014/main" id="{FA56A786-3B83-4F13-BAE9-E587612E602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0686" y="288131"/>
            <a:ext cx="7834068" cy="1386219"/>
          </a:xfrm>
        </p:spPr>
        <p:txBody>
          <a:bodyPr>
            <a:normAutofit/>
          </a:bodyPr>
          <a:lstStyle/>
          <a:p>
            <a:r>
              <a:rPr lang="cs-CZ" altLang="cs-CZ" sz="3200" dirty="0"/>
              <a:t>Maratón</a:t>
            </a:r>
          </a:p>
        </p:txBody>
      </p:sp>
      <p:sp>
        <p:nvSpPr>
          <p:cNvPr id="3" name="Zástupný obsah 2">
            <a:extLst>
              <a:ext uri="{FF2B5EF4-FFF2-40B4-BE49-F238E27FC236}">
                <a16:creationId xmlns:a16="http://schemas.microsoft.com/office/drawing/2014/main" id="{B75A10F4-7E1A-4CDE-AA5B-0717478BC8C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31255" y="1440259"/>
            <a:ext cx="8280920" cy="3384376"/>
          </a:xfrm>
        </p:spPr>
        <p:txBody>
          <a:bodyPr>
            <a:normAutofit fontScale="92500" lnSpcReduction="20000"/>
          </a:bodyPr>
          <a:lstStyle/>
          <a:p>
            <a:pPr>
              <a:defRPr/>
            </a:pPr>
            <a:r>
              <a:rPr lang="cs-CZ" sz="1814" dirty="0"/>
              <a:t>Dokonalý a dobře trénovaný kardiorespirační systém </a:t>
            </a:r>
          </a:p>
          <a:p>
            <a:pPr>
              <a:defRPr/>
            </a:pPr>
            <a:r>
              <a:rPr lang="cs-CZ" sz="1814" dirty="0"/>
              <a:t>Vysoká aerobní kapacita </a:t>
            </a:r>
          </a:p>
          <a:p>
            <a:pPr>
              <a:defRPr/>
            </a:pPr>
            <a:r>
              <a:rPr lang="cs-CZ" sz="1814" dirty="0"/>
              <a:t>Dokonalý stav pohybového ústrojí </a:t>
            </a:r>
          </a:p>
          <a:p>
            <a:pPr>
              <a:defRPr/>
            </a:pPr>
            <a:r>
              <a:rPr lang="cs-CZ" sz="1814" dirty="0"/>
              <a:t>Vysoká mentální odolnost</a:t>
            </a:r>
          </a:p>
          <a:p>
            <a:pPr marL="0" indent="0">
              <a:buNone/>
              <a:defRPr/>
            </a:pPr>
            <a:endParaRPr lang="cs-CZ" dirty="0"/>
          </a:p>
          <a:p>
            <a:pPr marL="0" indent="0">
              <a:buNone/>
              <a:defRPr/>
            </a:pPr>
            <a:r>
              <a:rPr lang="cs-CZ" sz="2016" dirty="0"/>
              <a:t>Energie získávána výhradně oxidativně,</a:t>
            </a:r>
          </a:p>
          <a:p>
            <a:pPr marL="0" indent="0">
              <a:buNone/>
              <a:defRPr/>
            </a:pPr>
            <a:r>
              <a:rPr lang="cs-CZ" sz="2016" dirty="0"/>
              <a:t>Laktát v průběhu trati 4-5 </a:t>
            </a:r>
            <a:r>
              <a:rPr lang="cs-CZ" sz="2016" dirty="0" err="1"/>
              <a:t>mmol</a:t>
            </a:r>
            <a:r>
              <a:rPr lang="cs-CZ" sz="2016" dirty="0"/>
              <a:t>, při finiši cca 6 </a:t>
            </a:r>
            <a:r>
              <a:rPr lang="cs-CZ" sz="2016" dirty="0" err="1"/>
              <a:t>mmol</a:t>
            </a:r>
            <a:endParaRPr lang="cs-CZ" sz="2016" dirty="0"/>
          </a:p>
          <a:p>
            <a:pPr marL="0" indent="0">
              <a:buNone/>
              <a:defRPr/>
            </a:pPr>
            <a:r>
              <a:rPr lang="cs-CZ" sz="2016" dirty="0"/>
              <a:t>Žádoucí je čerpání energie z tuků</a:t>
            </a:r>
          </a:p>
          <a:p>
            <a:pPr marL="0" indent="0">
              <a:buNone/>
              <a:defRPr/>
            </a:pPr>
            <a:r>
              <a:rPr lang="cs-CZ" sz="2016" dirty="0"/>
              <a:t>(Písařík, Liška 1989)</a:t>
            </a:r>
          </a:p>
        </p:txBody>
      </p:sp>
      <p:pic>
        <p:nvPicPr>
          <p:cNvPr id="4" name="Grafický objekt 3" descr="Běžet se souvislou výplní">
            <a:extLst>
              <a:ext uri="{FF2B5EF4-FFF2-40B4-BE49-F238E27FC236}">
                <a16:creationId xmlns:a16="http://schemas.microsoft.com/office/drawing/2014/main" id="{5B38444E-E581-4233-873F-A14743CB3F8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6695951" y="1553691"/>
            <a:ext cx="1686767" cy="1686767"/>
          </a:xfrm>
          <a:prstGeom prst="rect">
            <a:avLst/>
          </a:prstGeom>
        </p:spPr>
      </p:pic>
    </p:spTree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62" name="Nadpis 1">
            <a:extLst>
              <a:ext uri="{FF2B5EF4-FFF2-40B4-BE49-F238E27FC236}">
                <a16:creationId xmlns:a16="http://schemas.microsoft.com/office/drawing/2014/main" id="{FE2EC424-DDD7-4DC9-86F6-0E08F94F8B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 dirty="0"/>
              <a:t>19. Týden /Keňa 10. týden</a:t>
            </a:r>
          </a:p>
        </p:txBody>
      </p:sp>
      <p:sp>
        <p:nvSpPr>
          <p:cNvPr id="15363" name="Zástupný obsah 2">
            <a:extLst>
              <a:ext uri="{FF2B5EF4-FFF2-40B4-BE49-F238E27FC236}">
                <a16:creationId xmlns:a16="http://schemas.microsoft.com/office/drawing/2014/main" id="{F51FBFC0-FE87-45DC-9A05-27CDB585EE6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60772" y="1210072"/>
            <a:ext cx="4218943" cy="3420591"/>
          </a:xfrm>
        </p:spPr>
        <p:txBody>
          <a:bodyPr>
            <a:normAutofit fontScale="92500" lnSpcReduction="20000"/>
          </a:bodyPr>
          <a:lstStyle/>
          <a:p>
            <a:pPr marL="0" indent="0">
              <a:lnSpc>
                <a:spcPct val="107000"/>
              </a:lnSpc>
              <a:spcAft>
                <a:spcPts val="806"/>
              </a:spcAft>
              <a:buNone/>
            </a:pPr>
            <a:endParaRPr lang="cs-CZ" altLang="cs-CZ" sz="1814" b="1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solidFill>
                  <a:srgbClr val="000000"/>
                </a:solidFill>
                <a:latin typeface="Roboto" panose="020000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PO-ČT Keňa </a:t>
            </a:r>
            <a:endParaRPr lang="cs-CZ" altLang="cs-CZ" sz="1814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solidFill>
                  <a:srgbClr val="000000"/>
                </a:solidFill>
                <a:latin typeface="Roboto" panose="020000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ÚT poslední trénink 2x4x1 km @3:30-3:27/km pauza 1:45 a 4 min</a:t>
            </a:r>
            <a:endParaRPr lang="cs-CZ" altLang="cs-CZ" sz="1814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solidFill>
                  <a:srgbClr val="000000"/>
                </a:solidFill>
                <a:latin typeface="Roboto" panose="020000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ČT přelet Nairobi</a:t>
            </a:r>
            <a:endParaRPr lang="cs-CZ" altLang="cs-CZ" sz="1814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solidFill>
                  <a:srgbClr val="000000"/>
                </a:solidFill>
                <a:latin typeface="Roboto" panose="020000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PA přílet Evropa</a:t>
            </a:r>
            <a:endParaRPr lang="cs-CZ" altLang="cs-CZ" sz="1814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solidFill>
                  <a:srgbClr val="000000"/>
                </a:solidFill>
                <a:latin typeface="Roboto" panose="020000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SO rozcvička</a:t>
            </a:r>
            <a:endParaRPr lang="cs-CZ" altLang="cs-CZ" sz="1814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814" dirty="0">
                <a:solidFill>
                  <a:srgbClr val="000000"/>
                </a:solidFill>
                <a:latin typeface="Roboto" panose="020000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NE závod 2:28:16 @3:31/km</a:t>
            </a:r>
            <a:endParaRPr lang="cs-CZ" altLang="cs-CZ" sz="1814" dirty="0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cs-CZ" altLang="cs-CZ" dirty="0"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pic>
        <p:nvPicPr>
          <p:cNvPr id="15364" name="Obrázek 4" descr="Obsah obrázku osoba, exteriér, sport, skupina&#10;&#10;Popis byl vytvořen automaticky">
            <a:extLst>
              <a:ext uri="{FF2B5EF4-FFF2-40B4-BE49-F238E27FC236}">
                <a16:creationId xmlns:a16="http://schemas.microsoft.com/office/drawing/2014/main" id="{E5BAA845-7EC5-409C-916C-69EDD92493B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970897" y="1286867"/>
            <a:ext cx="4063752" cy="323980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410" name="Nadpis 1">
            <a:extLst>
              <a:ext uri="{FF2B5EF4-FFF2-40B4-BE49-F238E27FC236}">
                <a16:creationId xmlns:a16="http://schemas.microsoft.com/office/drawing/2014/main" id="{747D698E-024E-4D30-B017-23BC45D2C96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/>
              <a:t>19 týdenní cyklus</a:t>
            </a:r>
          </a:p>
        </p:txBody>
      </p:sp>
      <p:graphicFrame>
        <p:nvGraphicFramePr>
          <p:cNvPr id="17411" name="Zástupný obsah 5">
            <a:extLst>
              <a:ext uri="{FF2B5EF4-FFF2-40B4-BE49-F238E27FC236}">
                <a16:creationId xmlns:a16="http://schemas.microsoft.com/office/drawing/2014/main" id="{23764D90-33F2-426F-BF00-9FEBD59F0203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409575" y="1158875"/>
          <a:ext cx="8396288" cy="3522985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1508" name="Chart" r:id="rId3" imgW="8340051" imgH="3499407" progId="Excel.Chart.8">
                  <p:embed/>
                </p:oleObj>
              </mc:Choice>
              <mc:Fallback>
                <p:oleObj name="Chart" r:id="rId3" imgW="8340051" imgH="3499407" progId="Excel.Chart.8">
                  <p:embed/>
                  <p:pic>
                    <p:nvPicPr>
                      <p:cNvPr id="17411" name="Zástupný obsah 5">
                        <a:extLst>
                          <a:ext uri="{FF2B5EF4-FFF2-40B4-BE49-F238E27FC236}">
                            <a16:creationId xmlns:a16="http://schemas.microsoft.com/office/drawing/2014/main" id="{23764D90-33F2-426F-BF00-9FEBD59F0203}"/>
                          </a:ext>
                        </a:extLst>
                      </p:cNvPr>
                      <p:cNvPicPr>
                        <a:picLocks noGrp="1" noChangeArrowheads="1"/>
                      </p:cNvPicPr>
                      <p:nvPr/>
                    </p:nvPicPr>
                    <p:blipFill>
                      <a:blip r:embed="rId4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409575" y="1158875"/>
                        <a:ext cx="8396288" cy="3522985"/>
                      </a:xfrm>
                      <a:prstGeom prst="rect">
                        <a:avLst/>
                      </a:prstGeom>
                      <a:noFill/>
                      <a:ln>
                        <a:noFill/>
                      </a:ln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  <a:ext uri="{91240B29-F687-4F45-9708-019B960494DF}">
                          <a14:hiddenLine xmlns:a14="http://schemas.microsoft.com/office/drawing/2010/main" w="9525">
                            <a:solidFill>
                              <a:srgbClr val="000000"/>
                            </a:solidFill>
                            <a:miter lim="800000"/>
                            <a:headEnd/>
                            <a:tailEnd/>
                          </a14:hiddenLine>
                        </a:ext>
                      </a:extLst>
                    </p:spPr>
                  </p:pic>
                </p:oleObj>
              </mc:Fallback>
            </mc:AlternateContent>
          </a:graphicData>
        </a:graphic>
      </p:graphicFrame>
    </p:spTree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Nadpis 1">
            <a:extLst>
              <a:ext uri="{FF2B5EF4-FFF2-40B4-BE49-F238E27FC236}">
                <a16:creationId xmlns:a16="http://schemas.microsoft.com/office/drawing/2014/main" id="{C72E7DD8-011B-4884-B885-0F8C0BAABA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dirty="0" smtClean="0"/>
              <a:t>MEZIČASY NN MARATHON (2:28:16)</a:t>
            </a:r>
            <a:endParaRPr lang="cs-CZ" dirty="0"/>
          </a:p>
        </p:txBody>
      </p:sp>
      <p:sp>
        <p:nvSpPr>
          <p:cNvPr id="3" name="Zástupný obsah 2">
            <a:extLst>
              <a:ext uri="{FF2B5EF4-FFF2-40B4-BE49-F238E27FC236}">
                <a16:creationId xmlns:a16="http://schemas.microsoft.com/office/drawing/2014/main" id="{B80A546F-E4DA-4BD2-9BEF-A7C731DC8BA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3223" y="1296243"/>
            <a:ext cx="8928992" cy="3744416"/>
          </a:xfrm>
        </p:spPr>
        <p:txBody>
          <a:bodyPr>
            <a:normAutofit fontScale="92500" lnSpcReduction="10000"/>
          </a:bodyPr>
          <a:lstStyle/>
          <a:p>
            <a:r>
              <a:rPr lang="cs-CZ" dirty="0"/>
              <a:t>5 km 17:42 (3:32/km)</a:t>
            </a:r>
          </a:p>
          <a:p>
            <a:r>
              <a:rPr lang="cs-CZ" dirty="0"/>
              <a:t>10 km 35:13 (3:31/km) / 2. 5 km 17:31</a:t>
            </a:r>
          </a:p>
          <a:p>
            <a:r>
              <a:rPr lang="cs-CZ" dirty="0"/>
              <a:t>15 km 52:52 (3:31/km) / 3. 5 km 17:39</a:t>
            </a:r>
          </a:p>
          <a:p>
            <a:r>
              <a:rPr lang="cs-CZ" dirty="0"/>
              <a:t>20 km 1:10:28 (3:31/km) /4. 5 km 17:36</a:t>
            </a:r>
          </a:p>
          <a:p>
            <a:r>
              <a:rPr lang="cs-CZ" dirty="0" err="1"/>
              <a:t>Half</a:t>
            </a:r>
            <a:r>
              <a:rPr lang="cs-CZ" dirty="0"/>
              <a:t> 1:14:18 (3:31/km)</a:t>
            </a:r>
          </a:p>
          <a:p>
            <a:r>
              <a:rPr lang="cs-CZ" dirty="0"/>
              <a:t>25 km 1:28:06 (3:31/km) / 5. 5km 17:38</a:t>
            </a:r>
          </a:p>
          <a:p>
            <a:r>
              <a:rPr lang="cs-CZ" dirty="0"/>
              <a:t>30 km 1:45:40 (3:31/km) / 6. 5 km 17:34</a:t>
            </a:r>
          </a:p>
          <a:p>
            <a:r>
              <a:rPr lang="cs-CZ" dirty="0"/>
              <a:t>35 Km 2:03:19 (3:31/km) / 7. 5 km 17:39</a:t>
            </a:r>
          </a:p>
          <a:p>
            <a:r>
              <a:rPr lang="cs-CZ" dirty="0"/>
              <a:t>40 km 2:20:50 (3:31/km) / 8. 5 km 17:31</a:t>
            </a:r>
          </a:p>
          <a:p>
            <a:r>
              <a:rPr lang="cs-CZ" dirty="0"/>
              <a:t>42 km 2:28:16 / 2.195 km 7:26 (3:21/km)</a:t>
            </a:r>
          </a:p>
          <a:p>
            <a:r>
              <a:rPr lang="cs-CZ" dirty="0"/>
              <a:t>2. HALF 1:13:58 (3:30/km) </a:t>
            </a:r>
          </a:p>
          <a:p>
            <a:endParaRPr lang="cs-CZ" dirty="0"/>
          </a:p>
          <a:p>
            <a:endParaRPr lang="cs-CZ" dirty="0"/>
          </a:p>
        </p:txBody>
      </p:sp>
    </p:spTree>
    <p:extLst>
      <p:ext uri="{BB962C8B-B14F-4D97-AF65-F5344CB8AC3E}">
        <p14:creationId xmlns:p14="http://schemas.microsoft.com/office/powerpoint/2010/main" val="373634481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8" name="Nadpis 1">
            <a:extLst>
              <a:ext uri="{FF2B5EF4-FFF2-40B4-BE49-F238E27FC236}">
                <a16:creationId xmlns:a16="http://schemas.microsoft.com/office/drawing/2014/main" id="{21F203CD-859E-4D12-B476-116064DF0B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 dirty="0"/>
              <a:t>Marcela </a:t>
            </a:r>
            <a:r>
              <a:rPr lang="cs-CZ" altLang="cs-CZ" dirty="0" err="1"/>
              <a:t>Joglová</a:t>
            </a:r>
            <a:r>
              <a:rPr lang="cs-CZ" altLang="cs-CZ" dirty="0"/>
              <a:t/>
            </a:r>
            <a:br>
              <a:rPr lang="cs-CZ" altLang="cs-CZ" dirty="0"/>
            </a:br>
            <a:r>
              <a:rPr lang="cs-CZ" altLang="cs-CZ" sz="1814" dirty="0"/>
              <a:t>nar. </a:t>
            </a:r>
            <a:r>
              <a:rPr lang="cs-CZ" altLang="cs-CZ" sz="1814"/>
              <a:t>1987</a:t>
            </a:r>
          </a:p>
        </p:txBody>
      </p:sp>
      <p:pic>
        <p:nvPicPr>
          <p:cNvPr id="4099" name="Zástupný obsah 4" descr="Obsah obrázku osoba, atletika, sport&#10;&#10;Popis byl vytvořen automaticky">
            <a:extLst>
              <a:ext uri="{FF2B5EF4-FFF2-40B4-BE49-F238E27FC236}">
                <a16:creationId xmlns:a16="http://schemas.microsoft.com/office/drawing/2014/main" id="{99941C18-52EC-4909-B826-FF26475968A3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326381" y="1072480"/>
            <a:ext cx="2735833" cy="3420591"/>
          </a:xfrm>
        </p:spPr>
      </p:pic>
      <p:sp>
        <p:nvSpPr>
          <p:cNvPr id="4100" name="TextovéPole 5">
            <a:extLst>
              <a:ext uri="{FF2B5EF4-FFF2-40B4-BE49-F238E27FC236}">
                <a16:creationId xmlns:a16="http://schemas.microsoft.com/office/drawing/2014/main" id="{FE658237-684F-4822-8B2A-769D1105B5BA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3519786" y="1358863"/>
            <a:ext cx="5079690" cy="29413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>
            <a:spAutoFit/>
          </a:bodyPr>
          <a:lstStyle>
            <a:lvl1pPr>
              <a:spcBef>
                <a:spcPct val="20000"/>
              </a:spcBef>
              <a:buFont typeface="Arial" panose="020B0604020202020204" pitchFamily="34" charset="0"/>
              <a:buChar char="•"/>
              <a:defRPr sz="32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1pPr>
            <a:lvl2pPr marL="742950" indent="-285750">
              <a:spcBef>
                <a:spcPct val="20000"/>
              </a:spcBef>
              <a:buFont typeface="Arial" panose="020B0604020202020204" pitchFamily="34" charset="0"/>
              <a:buChar char="–"/>
              <a:defRPr sz="28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2pPr>
            <a:lvl3pPr marL="1143000" indent="-228600">
              <a:spcBef>
                <a:spcPct val="20000"/>
              </a:spcBef>
              <a:buFont typeface="Arial" panose="020B0604020202020204" pitchFamily="34" charset="0"/>
              <a:buChar char="•"/>
              <a:defRPr sz="24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3pPr>
            <a:lvl4pPr marL="1600200" indent="-228600">
              <a:spcBef>
                <a:spcPct val="20000"/>
              </a:spcBef>
              <a:buFont typeface="Arial" panose="020B0604020202020204" pitchFamily="34" charset="0"/>
              <a:buChar char="–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4pPr>
            <a:lvl5pPr marL="2057400" indent="-228600">
              <a:spcBef>
                <a:spcPct val="20000"/>
              </a:spcBef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Font typeface="Arial" panose="020B0604020202020204" pitchFamily="34" charset="0"/>
              <a:buChar char="»"/>
              <a:defRPr sz="2000">
                <a:solidFill>
                  <a:schemeClr val="tx1"/>
                </a:solidFill>
                <a:latin typeface="Calibri" panose="020F0502020204030204" pitchFamily="34" charset="0"/>
                <a:ea typeface="MS PGothic" panose="020B0600070205080204" pitchFamily="34" charset="-128"/>
              </a:defRPr>
            </a:lvl9pPr>
          </a:lstStyle>
          <a:p>
            <a:pPr>
              <a:spcBef>
                <a:spcPct val="0"/>
              </a:spcBef>
              <a:buNone/>
            </a:pPr>
            <a:r>
              <a:rPr lang="cs-CZ" altLang="cs-CZ" sz="1814" dirty="0">
                <a:latin typeface="Arial" panose="020B0604020202020204" pitchFamily="34" charset="0"/>
              </a:rPr>
              <a:t>Začátek spolupráce </a:t>
            </a:r>
            <a:r>
              <a:rPr lang="cs-CZ" altLang="cs-CZ" sz="2000" dirty="0">
                <a:latin typeface="Arial" panose="020B0604020202020204" pitchFamily="34" charset="0"/>
              </a:rPr>
              <a:t>Valencie </a:t>
            </a:r>
            <a:r>
              <a:rPr lang="cs-CZ" altLang="cs-CZ" sz="2000" dirty="0">
                <a:ea typeface="Calibri" panose="020F0502020204030204" pitchFamily="34" charset="0"/>
                <a:cs typeface="Times New Roman" panose="02020603050405020304" pitchFamily="18" charset="0"/>
              </a:rPr>
              <a:t>6.12.2020 2:31:29 PB</a:t>
            </a:r>
            <a:endParaRPr lang="cs-CZ" altLang="cs-CZ" sz="1814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cs-CZ" altLang="cs-CZ" sz="1814" dirty="0">
                <a:latin typeface="Arial" panose="020B0604020202020204" pitchFamily="34" charset="0"/>
              </a:rPr>
              <a:t>Dosavadní úspěchy 20.m MS Doha (Katar, 2019) 2:52:22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cs-CZ" altLang="cs-CZ" sz="1814" dirty="0">
                <a:latin typeface="Arial" panose="020B0604020202020204" pitchFamily="34" charset="0"/>
              </a:rPr>
              <a:t>Cíl splnění limitu pro OH 2021 (2:29:30)</a:t>
            </a:r>
          </a:p>
          <a:p>
            <a:pPr>
              <a:spcBef>
                <a:spcPct val="0"/>
              </a:spcBef>
              <a:buFontTx/>
              <a:buNone/>
            </a:pPr>
            <a:endParaRPr lang="cs-CZ" altLang="cs-CZ" sz="1814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endParaRPr lang="cs-CZ" altLang="cs-CZ" sz="1814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cs-CZ" altLang="cs-CZ" sz="1814" dirty="0">
                <a:latin typeface="Arial" panose="020B0604020202020204" pitchFamily="34" charset="0"/>
              </a:rPr>
              <a:t>Doplňkové tratě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cs-CZ" altLang="cs-CZ" sz="1814" dirty="0">
                <a:latin typeface="Arial" panose="020B0604020202020204" pitchFamily="34" charset="0"/>
              </a:rPr>
              <a:t>Půlmaraton 1:13:46 (Kostěnice, (2020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cs-CZ" altLang="cs-CZ" sz="1814" dirty="0">
                <a:latin typeface="Arial" panose="020B0604020202020204" pitchFamily="34" charset="0"/>
              </a:rPr>
              <a:t>10 000 m – 34:22.05 (Vyškov, 2020)</a:t>
            </a:r>
          </a:p>
        </p:txBody>
      </p:sp>
      <p:pic>
        <p:nvPicPr>
          <p:cNvPr id="4101" name="Obrázek 7">
            <a:extLst>
              <a:ext uri="{FF2B5EF4-FFF2-40B4-BE49-F238E27FC236}">
                <a16:creationId xmlns:a16="http://schemas.microsoft.com/office/drawing/2014/main" id="{B2DF8322-9100-4737-89EA-0A8EFCCB694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67600" y="272529"/>
            <a:ext cx="1654299" cy="7359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8" name="Nadpis 1">
            <a:extLst>
              <a:ext uri="{FF2B5EF4-FFF2-40B4-BE49-F238E27FC236}">
                <a16:creationId xmlns:a16="http://schemas.microsoft.com/office/drawing/2014/main" id="{21F203CD-859E-4D12-B476-116064DF0B4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51335" y="357112"/>
            <a:ext cx="7834068" cy="1206739"/>
          </a:xfrm>
        </p:spPr>
        <p:txBody>
          <a:bodyPr/>
          <a:lstStyle/>
          <a:p>
            <a:r>
              <a:rPr lang="cs-CZ" altLang="cs-CZ" dirty="0"/>
              <a:t>Maratonská historie</a:t>
            </a:r>
            <a:br>
              <a:rPr lang="cs-CZ" altLang="cs-CZ" dirty="0"/>
            </a:br>
            <a:endParaRPr lang="cs-CZ" altLang="cs-CZ" sz="1814" dirty="0"/>
          </a:p>
        </p:txBody>
      </p:sp>
      <p:pic>
        <p:nvPicPr>
          <p:cNvPr id="4099" name="Zástupný obsah 4" descr="Obsah obrázku osoba, atletika, sport&#10;&#10;Popis byl vytvořen automaticky">
            <a:extLst>
              <a:ext uri="{FF2B5EF4-FFF2-40B4-BE49-F238E27FC236}">
                <a16:creationId xmlns:a16="http://schemas.microsoft.com/office/drawing/2014/main" id="{99941C18-52EC-4909-B826-FF26475968A3}"/>
              </a:ext>
            </a:extLst>
          </p:cNvPr>
          <p:cNvPicPr>
            <a:picLocks noGrp="1" noChangeAspect="1" noChangeArrowheads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>
          <a:xfrm>
            <a:off x="326381" y="1072480"/>
            <a:ext cx="2735833" cy="3420591"/>
          </a:xfrm>
        </p:spPr>
      </p:pic>
      <p:sp>
        <p:nvSpPr>
          <p:cNvPr id="7" name="TextovéPole 6">
            <a:extLst>
              <a:ext uri="{FF2B5EF4-FFF2-40B4-BE49-F238E27FC236}">
                <a16:creationId xmlns:a16="http://schemas.microsoft.com/office/drawing/2014/main" id="{076FD6EC-9CA7-4723-9E97-0CE112967056}"/>
              </a:ext>
            </a:extLst>
          </p:cNvPr>
          <p:cNvSpPr txBox="1"/>
          <p:nvPr/>
        </p:nvSpPr>
        <p:spPr>
          <a:xfrm>
            <a:off x="3402386" y="1563851"/>
            <a:ext cx="5501680" cy="242136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600" dirty="0">
                <a:ea typeface="Calibri" panose="020F0502020204030204" pitchFamily="34" charset="0"/>
                <a:cs typeface="Times New Roman" panose="02020603050405020304" pitchFamily="18" charset="0"/>
              </a:rPr>
              <a:t>1. maraton květen 2017 Praha 3:02:08 = 4:19 min/km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600" dirty="0">
                <a:ea typeface="Calibri" panose="020F0502020204030204" pitchFamily="34" charset="0"/>
                <a:cs typeface="Times New Roman" panose="02020603050405020304" pitchFamily="18" charset="0"/>
              </a:rPr>
              <a:t>2.maraton květen 2018 Praha 2:49:15 =  4:01 min/km (-12:53)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600" dirty="0">
                <a:ea typeface="Calibri" panose="020F0502020204030204" pitchFamily="34" charset="0"/>
                <a:cs typeface="Times New Roman" panose="02020603050405020304" pitchFamily="18" charset="0"/>
              </a:rPr>
              <a:t>3. maraton říjen 2018 Amsterdam 2:43:57 = 3:53 min/km (-5:18)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600" dirty="0">
                <a:ea typeface="Calibri" panose="020F0502020204030204" pitchFamily="34" charset="0"/>
                <a:cs typeface="Times New Roman" panose="02020603050405020304" pitchFamily="18" charset="0"/>
              </a:rPr>
              <a:t>4. maraton duben 2019 Rotterdam 2:36:52 = </a:t>
            </a:r>
            <a:r>
              <a:rPr lang="cs-CZ" altLang="cs-CZ" sz="1500" dirty="0">
                <a:ea typeface="Calibri" panose="020F0502020204030204" pitchFamily="34" charset="0"/>
                <a:cs typeface="Times New Roman" panose="02020603050405020304" pitchFamily="18" charset="0"/>
              </a:rPr>
              <a:t>3:43 min/km (-7:05) (kemp Keňa)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600" dirty="0">
                <a:ea typeface="Calibri" panose="020F0502020204030204" pitchFamily="34" charset="0"/>
                <a:cs typeface="Times New Roman" panose="02020603050405020304" pitchFamily="18" charset="0"/>
              </a:rPr>
              <a:t>5. maraton září 2019 Doha (MS) 2:52:22 = 4:05/km (20.místo )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1600" dirty="0">
                <a:ea typeface="Calibri" panose="020F0502020204030204" pitchFamily="34" charset="0"/>
                <a:cs typeface="Times New Roman" panose="02020603050405020304" pitchFamily="18" charset="0"/>
              </a:rPr>
              <a:t>6. maraton prosinec 2020 Valencie 2:31:29 = 3:35 min/km </a:t>
            </a:r>
            <a:r>
              <a:rPr lang="cs-CZ" altLang="cs-CZ" sz="1400" dirty="0">
                <a:ea typeface="Calibri" panose="020F0502020204030204" pitchFamily="34" charset="0"/>
                <a:cs typeface="Times New Roman" panose="02020603050405020304" pitchFamily="18" charset="0"/>
              </a:rPr>
              <a:t>(-5:23)</a:t>
            </a:r>
          </a:p>
        </p:txBody>
      </p:sp>
      <p:sp>
        <p:nvSpPr>
          <p:cNvPr id="3" name="TextovéPole 2">
            <a:extLst>
              <a:ext uri="{FF2B5EF4-FFF2-40B4-BE49-F238E27FC236}">
                <a16:creationId xmlns:a16="http://schemas.microsoft.com/office/drawing/2014/main" id="{34365F3C-ABFA-4B5F-AC3D-9F69573FEE48}"/>
              </a:ext>
            </a:extLst>
          </p:cNvPr>
          <p:cNvSpPr txBox="1"/>
          <p:nvPr/>
        </p:nvSpPr>
        <p:spPr>
          <a:xfrm>
            <a:off x="3527599" y="4392587"/>
            <a:ext cx="51845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cs-CZ" dirty="0"/>
              <a:t>Celkem za 4 roky posun o cca 30 min</a:t>
            </a:r>
          </a:p>
        </p:txBody>
      </p:sp>
    </p:spTree>
    <p:extLst>
      <p:ext uri="{BB962C8B-B14F-4D97-AF65-F5344CB8AC3E}">
        <p14:creationId xmlns:p14="http://schemas.microsoft.com/office/powerpoint/2010/main" val="98274418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Nadpis 1">
            <a:extLst>
              <a:ext uri="{FF2B5EF4-FFF2-40B4-BE49-F238E27FC236}">
                <a16:creationId xmlns:a16="http://schemas.microsoft.com/office/drawing/2014/main" id="{7774B9EA-BE68-486A-92EE-3A21ED7C61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dirty="0"/>
              <a:t>Prosinec 2020 - Cíl 2:29:30</a:t>
            </a:r>
          </a:p>
        </p:txBody>
      </p:sp>
      <p:sp>
        <p:nvSpPr>
          <p:cNvPr id="3" name="Zástupný obsah 2">
            <a:extLst>
              <a:ext uri="{FF2B5EF4-FFF2-40B4-BE49-F238E27FC236}">
                <a16:creationId xmlns:a16="http://schemas.microsoft.com/office/drawing/2014/main" id="{D94CA70F-4A14-4CF1-94B6-528BF3056B8B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cs-CZ" altLang="cs-CZ" sz="1600" dirty="0">
                <a:cs typeface="Times New Roman" panose="02020603050405020304" pitchFamily="18" charset="0"/>
              </a:rPr>
              <a:t>Do kvalifikačního závodu 18.-24. týdnů (zatím nevíme kde bude startovat)</a:t>
            </a:r>
            <a:endParaRPr lang="cs-CZ" altLang="cs-CZ" sz="1600" dirty="0">
              <a:latin typeface="Arial" panose="020B0604020202020204" pitchFamily="34" charset="0"/>
            </a:endParaRPr>
          </a:p>
          <a:p>
            <a:r>
              <a:rPr lang="cs-CZ" dirty="0"/>
              <a:t>Navazujeme na předchozí práci ale začínáme regeneračním cyklem</a:t>
            </a:r>
          </a:p>
          <a:p>
            <a:r>
              <a:rPr lang="cs-CZ" dirty="0"/>
              <a:t>Plánujeme přípravu a řešíme finance </a:t>
            </a:r>
          </a:p>
          <a:p>
            <a:r>
              <a:rPr lang="cs-CZ" dirty="0"/>
              <a:t>Náš tým tvoří nově i </a:t>
            </a:r>
            <a:r>
              <a:rPr lang="cs-CZ" dirty="0" err="1"/>
              <a:t>jiří</a:t>
            </a:r>
            <a:r>
              <a:rPr lang="cs-CZ" dirty="0"/>
              <a:t> dostál (již dříve Filip, Honza Koukal) </a:t>
            </a:r>
          </a:p>
          <a:p>
            <a:endParaRPr lang="cs-CZ" dirty="0"/>
          </a:p>
          <a:p>
            <a:endParaRPr lang="cs-CZ" dirty="0"/>
          </a:p>
          <a:p>
            <a:endParaRPr lang="cs-CZ" dirty="0"/>
          </a:p>
          <a:p>
            <a:endParaRPr lang="cs-CZ" dirty="0"/>
          </a:p>
        </p:txBody>
      </p:sp>
      <p:sp>
        <p:nvSpPr>
          <p:cNvPr id="6" name="Zástupný symbol pro číslo snímku 5">
            <a:extLst>
              <a:ext uri="{FF2B5EF4-FFF2-40B4-BE49-F238E27FC236}">
                <a16:creationId xmlns:a16="http://schemas.microsoft.com/office/drawing/2014/main" id="{DBAE143F-A896-4FFB-99B2-47C50304F19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209299B0-2A03-4010-8CBC-975980F96814}" type="slidenum">
              <a:rPr lang="cs-CZ" altLang="cs-CZ" smtClean="0"/>
              <a:pPr>
                <a:defRPr/>
              </a:pPr>
              <a:t>5</a:t>
            </a:fld>
            <a:endParaRPr lang="cs-CZ" altLang="cs-CZ"/>
          </a:p>
        </p:txBody>
      </p:sp>
    </p:spTree>
    <p:extLst>
      <p:ext uri="{BB962C8B-B14F-4D97-AF65-F5344CB8AC3E}">
        <p14:creationId xmlns:p14="http://schemas.microsoft.com/office/powerpoint/2010/main" val="290031657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Zástupný obsah 3">
            <a:extLst>
              <a:ext uri="{FF2B5EF4-FFF2-40B4-BE49-F238E27FC236}">
                <a16:creationId xmlns:a16="http://schemas.microsoft.com/office/drawing/2014/main" id="{761D42B5-AC7B-479A-B671-6C26E60BD900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749970574"/>
              </p:ext>
            </p:extLst>
          </p:nvPr>
        </p:nvGraphicFramePr>
        <p:xfrm>
          <a:off x="460772" y="1358688"/>
          <a:ext cx="8428610" cy="3120535"/>
        </p:xfrm>
        <a:graphic>
          <a:graphicData uri="http://schemas.openxmlformats.org/drawingml/2006/table">
            <a:tbl>
              <a:tblPr/>
              <a:tblGrid>
                <a:gridCol w="765488">
                  <a:extLst>
                    <a:ext uri="{9D8B030D-6E8A-4147-A177-3AD203B41FA5}">
                      <a16:colId xmlns:a16="http://schemas.microsoft.com/office/drawing/2014/main" val="3802693244"/>
                    </a:ext>
                  </a:extLst>
                </a:gridCol>
                <a:gridCol w="930111">
                  <a:extLst>
                    <a:ext uri="{9D8B030D-6E8A-4147-A177-3AD203B41FA5}">
                      <a16:colId xmlns:a16="http://schemas.microsoft.com/office/drawing/2014/main" val="3416291729"/>
                    </a:ext>
                  </a:extLst>
                </a:gridCol>
                <a:gridCol w="823107">
                  <a:extLst>
                    <a:ext uri="{9D8B030D-6E8A-4147-A177-3AD203B41FA5}">
                      <a16:colId xmlns:a16="http://schemas.microsoft.com/office/drawing/2014/main" val="2362038644"/>
                    </a:ext>
                  </a:extLst>
                </a:gridCol>
                <a:gridCol w="1201735">
                  <a:extLst>
                    <a:ext uri="{9D8B030D-6E8A-4147-A177-3AD203B41FA5}">
                      <a16:colId xmlns:a16="http://schemas.microsoft.com/office/drawing/2014/main" val="1598799067"/>
                    </a:ext>
                  </a:extLst>
                </a:gridCol>
                <a:gridCol w="1020652">
                  <a:extLst>
                    <a:ext uri="{9D8B030D-6E8A-4147-A177-3AD203B41FA5}">
                      <a16:colId xmlns:a16="http://schemas.microsoft.com/office/drawing/2014/main" val="3373707204"/>
                    </a:ext>
                  </a:extLst>
                </a:gridCol>
                <a:gridCol w="1226429">
                  <a:extLst>
                    <a:ext uri="{9D8B030D-6E8A-4147-A177-3AD203B41FA5}">
                      <a16:colId xmlns:a16="http://schemas.microsoft.com/office/drawing/2014/main" val="4169996565"/>
                    </a:ext>
                  </a:extLst>
                </a:gridCol>
                <a:gridCol w="2461088">
                  <a:extLst>
                    <a:ext uri="{9D8B030D-6E8A-4147-A177-3AD203B41FA5}">
                      <a16:colId xmlns:a16="http://schemas.microsoft.com/office/drawing/2014/main" val="4154756405"/>
                    </a:ext>
                  </a:extLst>
                </a:gridCol>
              </a:tblGrid>
              <a:tr h="436875"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Pásma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OV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AEP = TV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ANP = ST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T1/2 -T10 km 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T5-3km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T 1500m a rychleji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33591053"/>
                  </a:ext>
                </a:extLst>
              </a:tr>
              <a:tr h="624107"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tempo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obecná vytrvalost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tempová vytrvalost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maratónské tempo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 err="1">
                          <a:solidFill>
                            <a:srgbClr val="000000"/>
                          </a:solidFill>
                          <a:effectLst/>
                        </a:rPr>
                        <a:t>půlmaratonské</a:t>
                      </a:r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 tempo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tempová rychlost 1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tempová rychlost 2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69806368"/>
                  </a:ext>
                </a:extLst>
              </a:tr>
              <a:tr h="436875"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Tfmax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do 75%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85%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90%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92,50%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95 až 97%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97% a více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23026786"/>
                  </a:ext>
                </a:extLst>
              </a:tr>
              <a:tr h="436875"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laktát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do 2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2 až 3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3 až 5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6 až 8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9 až 14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14 a více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43535321"/>
                  </a:ext>
                </a:extLst>
              </a:tr>
              <a:tr h="624107"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cílová rychlost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nad 4:00/km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3:50-3:40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3:40-3:30/km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3:30-3:15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3:15-3:05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 dirty="0">
                          <a:solidFill>
                            <a:srgbClr val="000000"/>
                          </a:solidFill>
                          <a:effectLst/>
                        </a:rPr>
                        <a:t>3:00 a rychleji (18/100)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74006447"/>
                  </a:ext>
                </a:extLst>
              </a:tr>
              <a:tr h="561696">
                <a:tc>
                  <a:txBody>
                    <a:bodyPr/>
                    <a:lstStyle/>
                    <a:p>
                      <a:pPr algn="ctr" rtl="0" fontAlgn="b"/>
                      <a:r>
                        <a:rPr lang="cs-CZ" sz="1400" b="1">
                          <a:solidFill>
                            <a:srgbClr val="000000"/>
                          </a:solidFill>
                          <a:effectLst/>
                        </a:rPr>
                        <a:t>TF</a:t>
                      </a:r>
                    </a:p>
                  </a:txBody>
                  <a:tcPr marL="19199" marR="19199" marT="0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6923C"/>
                    </a:solidFill>
                  </a:tcPr>
                </a:tc>
                <a:tc>
                  <a:txBody>
                    <a:bodyPr/>
                    <a:lstStyle/>
                    <a:p>
                      <a:pPr rtl="0" fontAlgn="ctr"/>
                      <a:endParaRPr lang="cs-CZ" sz="1400" b="1" dirty="0">
                        <a:effectLst/>
                      </a:endParaRPr>
                    </a:p>
                  </a:txBody>
                  <a:tcPr marL="19199" marR="19199" marT="0" marB="0" anchor="ctr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rtl="0" fontAlgn="ctr"/>
                      <a:endParaRPr lang="cs-CZ" sz="1400" b="1" dirty="0">
                        <a:effectLst/>
                      </a:endParaRPr>
                    </a:p>
                  </a:txBody>
                  <a:tcPr marL="19199" marR="19199" marT="0" marB="0" anchor="ctr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rtl="0" fontAlgn="ctr"/>
                      <a:endParaRPr lang="cs-CZ" sz="1400" b="1" dirty="0">
                        <a:effectLst/>
                      </a:endParaRPr>
                    </a:p>
                  </a:txBody>
                  <a:tcPr marL="19199" marR="19199" marT="0" marB="0" anchor="ctr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rtl="0" fontAlgn="ctr"/>
                      <a:endParaRPr lang="cs-CZ" sz="1400" b="1">
                        <a:effectLst/>
                      </a:endParaRPr>
                    </a:p>
                  </a:txBody>
                  <a:tcPr marL="19199" marR="19199" marT="0" marB="0" anchor="ctr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rtl="0" fontAlgn="ctr"/>
                      <a:endParaRPr lang="cs-CZ" sz="1400" b="1">
                        <a:effectLst/>
                      </a:endParaRPr>
                    </a:p>
                  </a:txBody>
                  <a:tcPr marL="19199" marR="19199" marT="0" marB="0" anchor="ctr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tc>
                  <a:txBody>
                    <a:bodyPr/>
                    <a:lstStyle/>
                    <a:p>
                      <a:pPr rtl="0" fontAlgn="ctr"/>
                      <a:endParaRPr lang="cs-CZ" sz="1400" b="1" dirty="0">
                        <a:effectLst/>
                      </a:endParaRPr>
                    </a:p>
                  </a:txBody>
                  <a:tcPr marL="19199" marR="19199" marT="0" marB="0" anchor="ctr">
                    <a:lnL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CCCCCC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2CDDC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96429566"/>
                  </a:ext>
                </a:extLst>
              </a:tr>
            </a:tbl>
          </a:graphicData>
        </a:graphic>
      </p:graphicFrame>
      <p:graphicFrame>
        <p:nvGraphicFramePr>
          <p:cNvPr id="3" name="Tabulka 2">
            <a:extLst>
              <a:ext uri="{FF2B5EF4-FFF2-40B4-BE49-F238E27FC236}">
                <a16:creationId xmlns:a16="http://schemas.microsoft.com/office/drawing/2014/main" id="{CE04C581-9D26-4920-B40E-C1674EE619F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68972746"/>
              </p:ext>
            </p:extLst>
          </p:nvPr>
        </p:nvGraphicFramePr>
        <p:xfrm>
          <a:off x="460772" y="467610"/>
          <a:ext cx="8280920" cy="891078"/>
        </p:xfrm>
        <a:graphic>
          <a:graphicData uri="http://schemas.openxmlformats.org/drawingml/2006/table">
            <a:tbl>
              <a:tblPr>
                <a:tableStyleId>{7E9639D4-E3E2-4D34-9284-5A2195B3D0D7}</a:tableStyleId>
              </a:tblPr>
              <a:tblGrid>
                <a:gridCol w="8280920">
                  <a:extLst>
                    <a:ext uri="{9D8B030D-6E8A-4147-A177-3AD203B41FA5}">
                      <a16:colId xmlns:a16="http://schemas.microsoft.com/office/drawing/2014/main" val="1446336932"/>
                    </a:ext>
                  </a:extLst>
                </a:gridCol>
              </a:tblGrid>
              <a:tr h="297026">
                <a:tc>
                  <a:txBody>
                    <a:bodyPr/>
                    <a:lstStyle/>
                    <a:p>
                      <a:pPr algn="ctr" fontAlgn="b"/>
                      <a:r>
                        <a:rPr lang="cs-CZ" sz="1500" b="1" u="none" strike="noStrike" dirty="0">
                          <a:effectLst/>
                        </a:rPr>
                        <a:t>osobní rekord maraton 2:31:29 (3:36 min / km)  /  cílový čas 2:29:30 (3:33/km)</a:t>
                      </a:r>
                      <a:endParaRPr lang="cs-CZ" sz="15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820" marR="5820" marT="5820" marB="0" anchor="b"/>
                </a:tc>
                <a:extLst>
                  <a:ext uri="{0D108BD9-81ED-4DB2-BD59-A6C34878D82A}">
                    <a16:rowId xmlns:a16="http://schemas.microsoft.com/office/drawing/2014/main" val="3660374448"/>
                  </a:ext>
                </a:extLst>
              </a:tr>
              <a:tr h="297026">
                <a:tc>
                  <a:txBody>
                    <a:bodyPr/>
                    <a:lstStyle/>
                    <a:p>
                      <a:pPr algn="ctr" fontAlgn="b"/>
                      <a:r>
                        <a:rPr lang="cs-CZ" sz="1500" b="1" u="none" strike="noStrike">
                          <a:effectLst/>
                        </a:rPr>
                        <a:t>osobní rekord půlmaraton 1:13:46 (3:30/km) / cílový čas 1:11:00 (3:22/km)</a:t>
                      </a:r>
                      <a:endParaRPr lang="cs-CZ" sz="15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820" marR="5820" marT="5820" marB="0" anchor="b"/>
                </a:tc>
                <a:extLst>
                  <a:ext uri="{0D108BD9-81ED-4DB2-BD59-A6C34878D82A}">
                    <a16:rowId xmlns:a16="http://schemas.microsoft.com/office/drawing/2014/main" val="3449244702"/>
                  </a:ext>
                </a:extLst>
              </a:tr>
              <a:tr h="297026">
                <a:tc>
                  <a:txBody>
                    <a:bodyPr/>
                    <a:lstStyle/>
                    <a:p>
                      <a:pPr algn="ctr" fontAlgn="b"/>
                      <a:r>
                        <a:rPr lang="cs-CZ" sz="1500" b="1" u="none" strike="noStrike" dirty="0">
                          <a:effectLst/>
                        </a:rPr>
                        <a:t>osobní rekord 10 km 34:22 (3:26/km)/cílový čas 32:20 (3:14 /km)</a:t>
                      </a:r>
                      <a:endParaRPr lang="cs-CZ" sz="15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820" marR="5820" marT="5820" marB="0" anchor="b"/>
                </a:tc>
                <a:extLst>
                  <a:ext uri="{0D108BD9-81ED-4DB2-BD59-A6C34878D82A}">
                    <a16:rowId xmlns:a16="http://schemas.microsoft.com/office/drawing/2014/main" val="11622765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66126850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Nadpis 1">
            <a:extLst>
              <a:ext uri="{FF2B5EF4-FFF2-40B4-BE49-F238E27FC236}">
                <a16:creationId xmlns:a16="http://schemas.microsoft.com/office/drawing/2014/main" id="{552A6699-7824-4EDA-A408-4CCC2D3AB4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dirty="0"/>
              <a:t>Plánované VT</a:t>
            </a:r>
          </a:p>
        </p:txBody>
      </p:sp>
      <p:sp>
        <p:nvSpPr>
          <p:cNvPr id="3" name="Zástupný obsah 2">
            <a:extLst>
              <a:ext uri="{FF2B5EF4-FFF2-40B4-BE49-F238E27FC236}">
                <a16:creationId xmlns:a16="http://schemas.microsoft.com/office/drawing/2014/main" id="{911131E0-F7F4-4098-8AB9-0D6D9C5E17D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cs-CZ" dirty="0"/>
              <a:t>9. Leden – 31.LEDEN 2021 VT </a:t>
            </a:r>
            <a:r>
              <a:rPr lang="cs-CZ" dirty="0" err="1"/>
              <a:t>Albufeira</a:t>
            </a:r>
            <a:r>
              <a:rPr lang="cs-CZ" dirty="0"/>
              <a:t> (</a:t>
            </a:r>
            <a:r>
              <a:rPr lang="cs-CZ" dirty="0" err="1"/>
              <a:t>Por</a:t>
            </a:r>
            <a:r>
              <a:rPr lang="cs-CZ" dirty="0"/>
              <a:t>), 23 dní</a:t>
            </a:r>
          </a:p>
          <a:p>
            <a:r>
              <a:rPr lang="cs-CZ" dirty="0"/>
              <a:t>7. únor – 14 duben 2021 VT Keňa 66 dní</a:t>
            </a:r>
          </a:p>
          <a:p>
            <a:pPr marL="0" indent="0">
              <a:buNone/>
            </a:pPr>
            <a:endParaRPr lang="cs-CZ" dirty="0"/>
          </a:p>
        </p:txBody>
      </p:sp>
      <p:sp>
        <p:nvSpPr>
          <p:cNvPr id="4" name="Zástupný symbol pro datum 3">
            <a:extLst>
              <a:ext uri="{FF2B5EF4-FFF2-40B4-BE49-F238E27FC236}">
                <a16:creationId xmlns:a16="http://schemas.microsoft.com/office/drawing/2014/main" id="{FC60C4B0-34E0-434C-8395-4DFECAE0D57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fld id="{B1A1A2E6-E83E-47A4-8FEC-1FAB2206FE21}" type="datetime1">
              <a:rPr lang="cs-CZ" altLang="cs-CZ" smtClean="0"/>
              <a:t>27.10.2021</a:t>
            </a:fld>
            <a:endParaRPr lang="cs-CZ" altLang="cs-CZ"/>
          </a:p>
        </p:txBody>
      </p:sp>
      <p:sp>
        <p:nvSpPr>
          <p:cNvPr id="5" name="Zástupný symbol pro zápatí 4">
            <a:extLst>
              <a:ext uri="{FF2B5EF4-FFF2-40B4-BE49-F238E27FC236}">
                <a16:creationId xmlns:a16="http://schemas.microsoft.com/office/drawing/2014/main" id="{0D3CF04B-D9CD-41DC-8CB2-A79B24FD129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cs-CZ"/>
          </a:p>
        </p:txBody>
      </p:sp>
      <p:sp>
        <p:nvSpPr>
          <p:cNvPr id="6" name="Zástupný symbol pro číslo snímku 5">
            <a:extLst>
              <a:ext uri="{FF2B5EF4-FFF2-40B4-BE49-F238E27FC236}">
                <a16:creationId xmlns:a16="http://schemas.microsoft.com/office/drawing/2014/main" id="{60837197-CEB1-45CE-951D-1485E6142C8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209299B0-2A03-4010-8CBC-975980F96814}" type="slidenum">
              <a:rPr lang="cs-CZ" altLang="cs-CZ" smtClean="0"/>
              <a:pPr>
                <a:defRPr/>
              </a:pPr>
              <a:t>7</a:t>
            </a:fld>
            <a:endParaRPr lang="cs-CZ" altLang="cs-CZ"/>
          </a:p>
        </p:txBody>
      </p:sp>
    </p:spTree>
    <p:extLst>
      <p:ext uri="{BB962C8B-B14F-4D97-AF65-F5344CB8AC3E}">
        <p14:creationId xmlns:p14="http://schemas.microsoft.com/office/powerpoint/2010/main" val="372138477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70" name="Nadpis 1">
            <a:extLst>
              <a:ext uri="{FF2B5EF4-FFF2-40B4-BE49-F238E27FC236}">
                <a16:creationId xmlns:a16="http://schemas.microsoft.com/office/drawing/2014/main" id="{4826D5E6-BF57-4457-B6F8-65645F7717B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altLang="cs-CZ"/>
              <a:t>Příprava 1.-4. týden </a:t>
            </a:r>
          </a:p>
        </p:txBody>
      </p:sp>
      <p:sp>
        <p:nvSpPr>
          <p:cNvPr id="7171" name="Zástupný obsah 2">
            <a:extLst>
              <a:ext uri="{FF2B5EF4-FFF2-40B4-BE49-F238E27FC236}">
                <a16:creationId xmlns:a16="http://schemas.microsoft.com/office/drawing/2014/main" id="{3C76C22E-76FE-4DA0-8BFD-AC9FF1B198E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fontScale="77500" lnSpcReduction="20000"/>
          </a:bodyPr>
          <a:lstStyle/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2822">
                <a:ea typeface="Calibri" panose="020F0502020204030204" pitchFamily="34" charset="0"/>
                <a:cs typeface="Times New Roman" panose="02020603050405020304" pitchFamily="18" charset="0"/>
              </a:rPr>
              <a:t>1.-3. týden regenerační – především pásmo obecné vytrvalosti. Volné běhy nad 5:00 min + kolo, plavání, doplňkové sporty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r>
              <a:rPr lang="cs-CZ" altLang="cs-CZ" sz="2822">
                <a:ea typeface="Calibri" panose="020F0502020204030204" pitchFamily="34" charset="0"/>
                <a:cs typeface="Times New Roman" panose="02020603050405020304" pitchFamily="18" charset="0"/>
              </a:rPr>
              <a:t>4. týden Kilometráž nad 100 km, konkrétně 120 km. Zahájen trénink v pásmech AEP (fartlek 20 km a v tom 5x2km tempo 4:00-3:50/km), ANP (5x1600 m tempo 3:45/km) + POSILOVNA</a:t>
            </a:r>
          </a:p>
          <a:p>
            <a:pPr>
              <a:lnSpc>
                <a:spcPct val="107000"/>
              </a:lnSpc>
              <a:spcAft>
                <a:spcPts val="806"/>
              </a:spcAft>
            </a:pPr>
            <a:endParaRPr lang="cs-CZ" altLang="cs-CZ" sz="1814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endParaRPr lang="cs-CZ" altLang="cs-CZ" sz="1814"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07000"/>
              </a:lnSpc>
              <a:spcAft>
                <a:spcPts val="806"/>
              </a:spcAft>
            </a:pPr>
            <a:endParaRPr lang="cs-CZ" altLang="cs-CZ" sz="1814"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</p:spTree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Nadpis 1">
            <a:extLst>
              <a:ext uri="{FF2B5EF4-FFF2-40B4-BE49-F238E27FC236}">
                <a16:creationId xmlns:a16="http://schemas.microsoft.com/office/drawing/2014/main" id="{D9A775DF-6378-4B87-A7EB-FF57FF14FF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dirty="0"/>
              <a:t>Ukázka 4. týden </a:t>
            </a:r>
          </a:p>
        </p:txBody>
      </p:sp>
      <p:graphicFrame>
        <p:nvGraphicFramePr>
          <p:cNvPr id="7" name="Zástupný obsah 6">
            <a:extLst>
              <a:ext uri="{FF2B5EF4-FFF2-40B4-BE49-F238E27FC236}">
                <a16:creationId xmlns:a16="http://schemas.microsoft.com/office/drawing/2014/main" id="{978CAF90-23E3-4925-A0C4-7B446761F46E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870088234"/>
              </p:ext>
            </p:extLst>
          </p:nvPr>
        </p:nvGraphicFramePr>
        <p:xfrm>
          <a:off x="690687" y="1368252"/>
          <a:ext cx="7834189" cy="3456386"/>
        </p:xfrm>
        <a:graphic>
          <a:graphicData uri="http://schemas.openxmlformats.org/drawingml/2006/table">
            <a:tbl>
              <a:tblPr>
                <a:tableStyleId>{7E9639D4-E3E2-4D34-9284-5A2195B3D0D7}</a:tableStyleId>
              </a:tblPr>
              <a:tblGrid>
                <a:gridCol w="924085">
                  <a:extLst>
                    <a:ext uri="{9D8B030D-6E8A-4147-A177-3AD203B41FA5}">
                      <a16:colId xmlns:a16="http://schemas.microsoft.com/office/drawing/2014/main" val="3194756808"/>
                    </a:ext>
                  </a:extLst>
                </a:gridCol>
                <a:gridCol w="759804">
                  <a:extLst>
                    <a:ext uri="{9D8B030D-6E8A-4147-A177-3AD203B41FA5}">
                      <a16:colId xmlns:a16="http://schemas.microsoft.com/office/drawing/2014/main" val="687217141"/>
                    </a:ext>
                  </a:extLst>
                </a:gridCol>
                <a:gridCol w="924085">
                  <a:extLst>
                    <a:ext uri="{9D8B030D-6E8A-4147-A177-3AD203B41FA5}">
                      <a16:colId xmlns:a16="http://schemas.microsoft.com/office/drawing/2014/main" val="1607193245"/>
                    </a:ext>
                  </a:extLst>
                </a:gridCol>
                <a:gridCol w="883015">
                  <a:extLst>
                    <a:ext uri="{9D8B030D-6E8A-4147-A177-3AD203B41FA5}">
                      <a16:colId xmlns:a16="http://schemas.microsoft.com/office/drawing/2014/main" val="4075711097"/>
                    </a:ext>
                  </a:extLst>
                </a:gridCol>
                <a:gridCol w="1191044">
                  <a:extLst>
                    <a:ext uri="{9D8B030D-6E8A-4147-A177-3AD203B41FA5}">
                      <a16:colId xmlns:a16="http://schemas.microsoft.com/office/drawing/2014/main" val="3281000524"/>
                    </a:ext>
                  </a:extLst>
                </a:gridCol>
                <a:gridCol w="1006226">
                  <a:extLst>
                    <a:ext uri="{9D8B030D-6E8A-4147-A177-3AD203B41FA5}">
                      <a16:colId xmlns:a16="http://schemas.microsoft.com/office/drawing/2014/main" val="3642567212"/>
                    </a:ext>
                  </a:extLst>
                </a:gridCol>
                <a:gridCol w="1211578">
                  <a:extLst>
                    <a:ext uri="{9D8B030D-6E8A-4147-A177-3AD203B41FA5}">
                      <a16:colId xmlns:a16="http://schemas.microsoft.com/office/drawing/2014/main" val="2285065666"/>
                    </a:ext>
                  </a:extLst>
                </a:gridCol>
                <a:gridCol w="934352">
                  <a:extLst>
                    <a:ext uri="{9D8B030D-6E8A-4147-A177-3AD203B41FA5}">
                      <a16:colId xmlns:a16="http://schemas.microsoft.com/office/drawing/2014/main" val="2457205835"/>
                    </a:ext>
                  </a:extLst>
                </a:gridCol>
              </a:tblGrid>
              <a:tr h="281698">
                <a:tc>
                  <a:txBody>
                    <a:bodyPr/>
                    <a:lstStyle/>
                    <a:p>
                      <a:pPr algn="ctr" fontAlgn="ctr"/>
                      <a:r>
                        <a:rPr lang="cs-CZ" sz="1000" u="none" strike="noStrike">
                          <a:effectLst/>
                        </a:rPr>
                        <a:t> </a:t>
                      </a:r>
                      <a:endParaRPr lang="cs-CZ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ctr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4.</a:t>
                      </a:r>
                      <a:endParaRPr lang="cs-CZ" sz="8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 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 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 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 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 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 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94022731"/>
                  </a:ext>
                </a:extLst>
              </a:tr>
              <a:tr h="281698">
                <a:tc rowSpan="5">
                  <a:txBody>
                    <a:bodyPr/>
                    <a:lstStyle/>
                    <a:p>
                      <a:pPr algn="ctr" fontAlgn="ctr"/>
                      <a:r>
                        <a:rPr lang="cs-CZ" sz="1000" u="none" strike="noStrike" dirty="0">
                          <a:effectLst/>
                        </a:rPr>
                        <a:t>prosinec</a:t>
                      </a:r>
                      <a:endParaRPr lang="cs-CZ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rowSpan="5">
                  <a:txBody>
                    <a:bodyPr/>
                    <a:lstStyle/>
                    <a:p>
                      <a:pPr algn="ctr" fontAlgn="ctr"/>
                      <a:r>
                        <a:rPr lang="cs-CZ" sz="1000" u="none" strike="noStrike" dirty="0">
                          <a:effectLst/>
                        </a:rPr>
                        <a:t>28.12.-3.1.</a:t>
                      </a:r>
                      <a:endParaRPr lang="cs-CZ" sz="10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PO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Regenerační den - plavání/regenrační běh či jiný sport lehkou intenzitou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0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135791758"/>
                  </a:ext>
                </a:extLst>
              </a:tr>
              <a:tr h="259340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UT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 + AEP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sv-SE" sz="800" u="none" strike="noStrike">
                          <a:effectLst/>
                        </a:rPr>
                        <a:t>Fartlek 16-18 km: v tom 5x2 km @4:10-3:50/km</a:t>
                      </a:r>
                      <a:endParaRPr lang="sv-SE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9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37669449"/>
                  </a:ext>
                </a:extLst>
              </a:tr>
              <a:tr h="259340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 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Volný běh 10-12 km nebo válce cca 45 min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1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703465294"/>
                  </a:ext>
                </a:extLst>
              </a:tr>
              <a:tr h="438197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rowSpan="2"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ST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posilovna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pl-PL" sz="800" u="none" strike="noStrike">
                          <a:effectLst/>
                        </a:rPr>
                        <a:t>Podobně jako minulý týden + na vyběhání 10-12x100 m rovinky (na techniku) pokud je možnost </a:t>
                      </a:r>
                      <a:endParaRPr lang="pl-PL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3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977546157"/>
                  </a:ext>
                </a:extLst>
              </a:tr>
              <a:tr h="259340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Volný běh 10 km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0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39672851"/>
                  </a:ext>
                </a:extLst>
              </a:tr>
              <a:tr h="268283">
                <a:tc rowSpan="5">
                  <a:txBody>
                    <a:bodyPr/>
                    <a:lstStyle/>
                    <a:p>
                      <a:pPr algn="ctr" fontAlgn="ctr"/>
                      <a:r>
                        <a:rPr lang="cs-CZ" sz="1000" u="none" strike="noStrike">
                          <a:effectLst/>
                        </a:rPr>
                        <a:t>leden</a:t>
                      </a:r>
                      <a:endParaRPr lang="cs-CZ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rowSpan="5">
                  <a:txBody>
                    <a:bodyPr/>
                    <a:lstStyle/>
                    <a:p>
                      <a:pPr algn="ctr" fontAlgn="ctr"/>
                      <a:r>
                        <a:rPr lang="cs-CZ" sz="1000" u="none" strike="noStrike">
                          <a:effectLst/>
                        </a:rPr>
                        <a:t> </a:t>
                      </a:r>
                      <a:endParaRPr lang="cs-CZ" sz="10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ČT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Volný běh 14-18 km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20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17400876"/>
                  </a:ext>
                </a:extLst>
              </a:tr>
              <a:tr h="281698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PA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OV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Volný běh 12-14 km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4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096279383"/>
                  </a:ext>
                </a:extLst>
              </a:tr>
              <a:tr h="281698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SO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ANP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 dirty="0" err="1">
                          <a:effectLst/>
                        </a:rPr>
                        <a:t>Rozklus</a:t>
                      </a:r>
                      <a:r>
                        <a:rPr lang="cs-CZ" sz="800" u="none" strike="noStrike" dirty="0">
                          <a:effectLst/>
                        </a:rPr>
                        <a:t> 2 km, pak 5x1600 m / pauza 3 min CH-KL, @3:50-3:40/km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7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85222486"/>
                  </a:ext>
                </a:extLst>
              </a:tr>
              <a:tr h="281698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 dirty="0">
                          <a:effectLst/>
                        </a:rPr>
                        <a:t> 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AEP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>
                          <a:effectLst/>
                        </a:rPr>
                        <a:t>Lehce tempový běh 10 km @4:20-4:10/km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12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15129207"/>
                  </a:ext>
                </a:extLst>
              </a:tr>
              <a:tr h="281698"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v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NE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800" u="none" strike="noStrike">
                          <a:effectLst/>
                        </a:rPr>
                        <a:t>OV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gridSpan="3">
                  <a:txBody>
                    <a:bodyPr/>
                    <a:lstStyle/>
                    <a:p>
                      <a:pPr algn="ctr" fontAlgn="b"/>
                      <a:r>
                        <a:rPr lang="cs-CZ" sz="800" u="none" strike="noStrike" dirty="0">
                          <a:effectLst/>
                        </a:rPr>
                        <a:t>Volný běh okolo 20 km nebo jiný sport </a:t>
                      </a:r>
                      <a:endParaRPr lang="cs-CZ" sz="8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cs-CZ" sz="800" u="none" strike="noStrike">
                          <a:effectLst/>
                        </a:rPr>
                        <a:t>20</a:t>
                      </a:r>
                      <a:endParaRPr lang="cs-CZ" sz="800" b="0" i="0" u="none" strike="noStrike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504702238"/>
                  </a:ext>
                </a:extLst>
              </a:tr>
              <a:tr h="281698">
                <a:tc gridSpan="7">
                  <a:txBody>
                    <a:bodyPr/>
                    <a:lstStyle/>
                    <a:p>
                      <a:pPr algn="l" fontAlgn="b"/>
                      <a:endParaRPr lang="cs-CZ" sz="9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cs-CZ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cs-CZ" sz="900" b="1" u="none" strike="noStrike" dirty="0">
                          <a:effectLst/>
                        </a:rPr>
                        <a:t>120km</a:t>
                      </a:r>
                      <a:endParaRPr lang="cs-CZ" sz="9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5272" marR="5272" marT="5272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02719906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20781331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PROJECT_OPEN" val="0"/>
  <p:tag name="ISPRING_RESOURCE_PATHS_HASH_2" val="43ef732248e4e4fbc1f78a43fe4c73af8c5bffc"/>
  <p:tag name="ISPRING_RESOURCE_PATHS_HASH_PRESENTER" val="15e96bdfcb49be15f1326379da21b3357065d"/>
</p:tagLst>
</file>

<file path=ppt/theme/theme1.xml><?xml version="1.0" encoding="utf-8"?>
<a:theme xmlns:a="http://schemas.openxmlformats.org/drawingml/2006/main" name="ADIDAS: NEUTRALS">
  <a:themeElements>
    <a:clrScheme name="2021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>
          <a:noFill/>
        </a:ln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0.xml><?xml version="1.0" encoding="utf-8"?>
<a:theme xmlns:a="http://schemas.openxmlformats.org/drawingml/2006/main" name="ADIDAS: BRIGHT CYAN">
  <a:themeElements>
    <a:clrScheme name="2021 BRIGHT CYA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2E6F1"/>
      </a:accent1>
      <a:accent2>
        <a:srgbClr val="A6CDE2"/>
      </a:accent2>
      <a:accent3>
        <a:srgbClr val="6AABCF"/>
      </a:accent3>
      <a:accent4>
        <a:srgbClr val="40677C"/>
      </a:accent4>
      <a:accent5>
        <a:srgbClr val="2A4453"/>
      </a:accent5>
      <a:accent6>
        <a:srgbClr val="152229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1.xml><?xml version="1.0" encoding="utf-8"?>
<a:theme xmlns:a="http://schemas.openxmlformats.org/drawingml/2006/main" name="ADIDAS: SOLAR GREEN">
  <a:themeElements>
    <a:clrScheme name="2021 SOLAR GREE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E3FDC4"/>
      </a:accent1>
      <a:accent2>
        <a:srgbClr val="C8FC8B"/>
      </a:accent2>
      <a:accent3>
        <a:srgbClr val="A3FA3D"/>
      </a:accent3>
      <a:accent4>
        <a:srgbClr val="629625"/>
      </a:accent4>
      <a:accent5>
        <a:srgbClr val="416418"/>
      </a:accent5>
      <a:accent6>
        <a:srgbClr val="21320C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2.xml><?xml version="1.0" encoding="utf-8"?>
<a:theme xmlns:a="http://schemas.openxmlformats.org/drawingml/2006/main" name="ADIDAS: GREEN">
  <a:themeElements>
    <a:clrScheme name="2021 GREEN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C4D7CB"/>
      </a:accent1>
      <a:accent2>
        <a:srgbClr val="8BAF98"/>
      </a:accent2>
      <a:accent3>
        <a:srgbClr val="3D7953"/>
      </a:accent3>
      <a:accent4>
        <a:srgbClr val="254932"/>
      </a:accent4>
      <a:accent5>
        <a:srgbClr val="183021"/>
      </a:accent5>
      <a:accent6>
        <a:srgbClr val="0C1811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13.xml><?xml version="1.0" encoding="utf-8"?>
<a:theme xmlns:a="http://schemas.openxmlformats.org/drawingml/2006/main" name="Kapka">
  <a:themeElements>
    <a:clrScheme name="Kapka">
      <a:dk1>
        <a:sysClr val="windowText" lastClr="000000"/>
      </a:dk1>
      <a:lt1>
        <a:sysClr val="window" lastClr="FFFFFF"/>
      </a:lt1>
      <a:dk2>
        <a:srgbClr val="355071"/>
      </a:dk2>
      <a:lt2>
        <a:srgbClr val="AABED7"/>
      </a:lt2>
      <a:accent1>
        <a:srgbClr val="2FA3EE"/>
      </a:accent1>
      <a:accent2>
        <a:srgbClr val="4BCAAD"/>
      </a:accent2>
      <a:accent3>
        <a:srgbClr val="86C157"/>
      </a:accent3>
      <a:accent4>
        <a:srgbClr val="D99C3F"/>
      </a:accent4>
      <a:accent5>
        <a:srgbClr val="CE6633"/>
      </a:accent5>
      <a:accent6>
        <a:srgbClr val="A35DD1"/>
      </a:accent6>
      <a:hlink>
        <a:srgbClr val="56BCFE"/>
      </a:hlink>
      <a:folHlink>
        <a:srgbClr val="97C5E3"/>
      </a:folHlink>
    </a:clrScheme>
    <a:fontScheme name="Kapka">
      <a:majorFont>
        <a:latin typeface="Tw Cen MT" panose="020B0602020104020603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Tw Cen MT" panose="020B0602020104020603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pka">
      <a:fillStyleLst>
        <a:solidFill>
          <a:schemeClr val="phClr"/>
        </a:solidFill>
        <a:solidFill>
          <a:schemeClr val="phClr">
            <a:tint val="69000"/>
            <a:satMod val="105000"/>
            <a:lumMod val="110000"/>
          </a:schemeClr>
        </a:solidFill>
        <a:gradFill rotWithShape="1">
          <a:gsLst>
            <a:gs pos="0">
              <a:schemeClr val="phClr">
                <a:tint val="94000"/>
                <a:satMod val="100000"/>
                <a:lumMod val="108000"/>
              </a:schemeClr>
            </a:gs>
            <a:gs pos="50000">
              <a:schemeClr val="phClr">
                <a:tint val="98000"/>
                <a:shade val="100000"/>
                <a:satMod val="100000"/>
                <a:lumMod val="100000"/>
              </a:schemeClr>
            </a:gs>
            <a:gs pos="100000">
              <a:schemeClr val="phClr">
                <a:shade val="72000"/>
                <a:satMod val="120000"/>
                <a:lumMod val="100000"/>
              </a:schemeClr>
            </a:gs>
          </a:gsLst>
          <a:lin ang="5400000" scaled="0"/>
        </a:gradFill>
      </a:fillStyleLst>
      <a:lnStyleLst>
        <a:ln w="9525" cap="flat" cmpd="sng" algn="ctr">
          <a:solidFill>
            <a:schemeClr val="phClr">
              <a:shade val="60000"/>
            </a:schemeClr>
          </a:solidFill>
          <a:prstDash val="solid"/>
        </a:ln>
        <a:ln w="15875" cap="flat" cmpd="sng" algn="ctr">
          <a:solidFill>
            <a:schemeClr val="phClr"/>
          </a:solidFill>
          <a:prstDash val="solid"/>
        </a:ln>
        <a:ln w="22225" cap="flat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50800" dist="25400" dir="5400000" rotWithShape="0">
              <a:srgbClr val="000000">
                <a:alpha val="28000"/>
              </a:srgbClr>
            </a:outerShdw>
          </a:effectLst>
        </a:effectStyle>
        <a:effectStyle>
          <a:effectLst>
            <a:outerShdw blurRad="63500" dist="25400" dir="5400000" algn="ctr" rotWithShape="0">
              <a:srgbClr val="000000">
                <a:alpha val="69000"/>
              </a:srgbClr>
            </a:outerShdw>
          </a:effectLst>
          <a:scene3d>
            <a:camera prst="orthographicFront">
              <a:rot lat="0" lon="0" rev="0"/>
            </a:camera>
            <a:lightRig rig="balanced" dir="t">
              <a:rot lat="0" lon="0" rev="1200000"/>
            </a:lightRig>
          </a:scene3d>
          <a:sp3d prstMaterial="plastic">
            <a:bevelT w="254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64000"/>
                <a:lumMod val="88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84000"/>
                <a:shade val="100000"/>
                <a:hueMod val="130000"/>
                <a:satMod val="150000"/>
                <a:lumMod val="112000"/>
              </a:schemeClr>
            </a:gs>
            <a:gs pos="100000">
              <a:schemeClr val="phClr">
                <a:shade val="92000"/>
                <a:satMod val="140000"/>
                <a:lumMod val="11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Droplet" id="{8984A317-299A-4E50-B45D-BFC9EDE2337A}" vid="{A633B6A3-9E7F-4C10-9C98-2517A3134361}"/>
    </a:ext>
  </a:extLst>
</a:theme>
</file>

<file path=ppt/theme/theme14.xml><?xml version="1.0" encoding="utf-8"?>
<a:theme xmlns:a="http://schemas.openxmlformats.org/drawingml/2006/main" name="Office Theme">
  <a:themeElements>
    <a:clrScheme name="ADIDAS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6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0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</a:theme>
</file>

<file path=ppt/theme/theme15.xml><?xml version="1.0" encoding="utf-8"?>
<a:theme xmlns:a="http://schemas.openxmlformats.org/drawingml/2006/main" name="Office Theme">
  <a:themeElements>
    <a:clrScheme name="ADIDAS NEUTRALS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D9D7DA"/>
      </a:accent1>
      <a:accent2>
        <a:srgbClr val="C1C1C4"/>
      </a:accent2>
      <a:accent3>
        <a:srgbClr val="898A8D"/>
      </a:accent3>
      <a:accent4>
        <a:srgbClr val="6C6C6C"/>
      </a:accent4>
      <a:accent5>
        <a:srgbClr val="545458"/>
      </a:accent5>
      <a:accent6>
        <a:srgbClr val="4A4A4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3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6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0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</a:theme>
</file>

<file path=ppt/theme/theme2.xml><?xml version="1.0" encoding="utf-8"?>
<a:theme xmlns:a="http://schemas.openxmlformats.org/drawingml/2006/main" name="ADIDAS: YELLOW">
  <a:themeElements>
    <a:clrScheme name="2021 YELLOW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F1B2"/>
      </a:accent1>
      <a:accent2>
        <a:srgbClr val="F1E266"/>
      </a:accent2>
      <a:accent3>
        <a:srgbClr val="E7CF00"/>
      </a:accent3>
      <a:accent4>
        <a:srgbClr val="AF9300"/>
      </a:accent4>
      <a:accent5>
        <a:srgbClr val="785900"/>
      </a:accent5>
      <a:accent6>
        <a:srgbClr val="533100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3.xml><?xml version="1.0" encoding="utf-8"?>
<a:theme xmlns:a="http://schemas.openxmlformats.org/drawingml/2006/main" name="ADIDAS: COLLEGIATE GOLD">
  <a:themeElements>
    <a:clrScheme name="2021 COLLEGIATE GOL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E3B2"/>
      </a:accent1>
      <a:accent2>
        <a:srgbClr val="F1C766"/>
      </a:accent2>
      <a:accent3>
        <a:srgbClr val="E8A200"/>
      </a:accent3>
      <a:accent4>
        <a:srgbClr val="B07400"/>
      </a:accent4>
      <a:accent5>
        <a:srgbClr val="794700"/>
      </a:accent5>
      <a:accent6>
        <a:srgbClr val="532800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4.xml><?xml version="1.0" encoding="utf-8"?>
<a:theme xmlns:a="http://schemas.openxmlformats.org/drawingml/2006/main" name="ADIDAS: SOLAR RED">
  <a:themeElements>
    <a:clrScheme name="2021 SOLAR RE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DC3C3"/>
      </a:accent1>
      <a:accent2>
        <a:srgbClr val="FB8888"/>
      </a:accent2>
      <a:accent3>
        <a:srgbClr val="F83838"/>
      </a:accent3>
      <a:accent4>
        <a:srgbClr val="952222"/>
      </a:accent4>
      <a:accent5>
        <a:srgbClr val="631616"/>
      </a:accent5>
      <a:accent6>
        <a:srgbClr val="320B0B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5.xml><?xml version="1.0" encoding="utf-8"?>
<a:theme xmlns:a="http://schemas.openxmlformats.org/drawingml/2006/main" name="ADIDAS: RED">
  <a:themeElements>
    <a:clrScheme name="2021 RED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E2BBBE"/>
      </a:accent1>
      <a:accent2>
        <a:srgbClr val="C5787F"/>
      </a:accent2>
      <a:accent3>
        <a:srgbClr val="9E1E29"/>
      </a:accent3>
      <a:accent4>
        <a:srgbClr val="5F1219"/>
      </a:accent4>
      <a:accent5>
        <a:srgbClr val="3F0C10"/>
      </a:accent5>
      <a:accent6>
        <a:srgbClr val="200608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6.xml><?xml version="1.0" encoding="utf-8"?>
<a:theme xmlns:a="http://schemas.openxmlformats.org/drawingml/2006/main" name="ADIDAS: TURBO">
  <a:themeElements>
    <a:clrScheme name="2021 TURBO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FCCD3"/>
      </a:accent1>
      <a:accent2>
        <a:srgbClr val="FF9AA7"/>
      </a:accent2>
      <a:accent3>
        <a:srgbClr val="FF576C"/>
      </a:accent3>
      <a:accent4>
        <a:srgbClr val="993441"/>
      </a:accent4>
      <a:accent5>
        <a:srgbClr val="66232B"/>
      </a:accent5>
      <a:accent6>
        <a:srgbClr val="331116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7.xml><?xml version="1.0" encoding="utf-8"?>
<a:theme xmlns:a="http://schemas.openxmlformats.org/drawingml/2006/main" name="ADIDAS: SOLAR PINK">
  <a:themeElements>
    <a:clrScheme name="2021 SOLAR PINK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F8CCDE"/>
      </a:accent1>
      <a:accent2>
        <a:srgbClr val="F19ABE"/>
      </a:accent2>
      <a:accent3>
        <a:srgbClr val="E85793"/>
      </a:accent3>
      <a:accent4>
        <a:srgbClr val="8B3458"/>
      </a:accent4>
      <a:accent5>
        <a:srgbClr val="5D233B"/>
      </a:accent5>
      <a:accent6>
        <a:srgbClr val="2E111D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8.xml><?xml version="1.0" encoding="utf-8"?>
<a:theme xmlns:a="http://schemas.openxmlformats.org/drawingml/2006/main" name="ADIDAS: COLLEGIATE ROYAL">
  <a:themeElements>
    <a:clrScheme name="2021 COLLEGIATE ROYAL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BEC4D5"/>
      </a:accent1>
      <a:accent2>
        <a:srgbClr val="7D89AC"/>
      </a:accent2>
      <a:accent3>
        <a:srgbClr val="273A74"/>
      </a:accent3>
      <a:accent4>
        <a:srgbClr val="172346"/>
      </a:accent4>
      <a:accent5>
        <a:srgbClr val="10172E"/>
      </a:accent5>
      <a:accent6>
        <a:srgbClr val="080C17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ppt/theme/theme9.xml><?xml version="1.0" encoding="utf-8"?>
<a:theme xmlns:a="http://schemas.openxmlformats.org/drawingml/2006/main" name="ADIDAS: ORIGINALS BLUE">
  <a:themeElements>
    <a:clrScheme name="2021 ORIGINALS BLUE">
      <a:dk1>
        <a:sysClr val="windowText" lastClr="000000"/>
      </a:dk1>
      <a:lt1>
        <a:sysClr val="window" lastClr="FFFFFF"/>
      </a:lt1>
      <a:dk2>
        <a:srgbClr val="545458"/>
      </a:dk2>
      <a:lt2>
        <a:srgbClr val="D9D7DA"/>
      </a:lt2>
      <a:accent1>
        <a:srgbClr val="B2D8EE"/>
      </a:accent1>
      <a:accent2>
        <a:srgbClr val="66B2DD"/>
      </a:accent2>
      <a:accent3>
        <a:srgbClr val="007FC7"/>
      </a:accent3>
      <a:accent4>
        <a:srgbClr val="004C77"/>
      </a:accent4>
      <a:accent5>
        <a:srgbClr val="003350"/>
      </a:accent5>
      <a:accent6>
        <a:srgbClr val="001928"/>
      </a:accent6>
      <a:hlink>
        <a:srgbClr val="000000"/>
      </a:hlink>
      <a:folHlink>
        <a:srgbClr val="000000"/>
      </a:folHlink>
    </a:clrScheme>
    <a:fontScheme name="ADIDAS GLOBAL 2021">
      <a:majorFont>
        <a:latin typeface="adineue PRO Cond"/>
        <a:ea typeface=""/>
        <a:cs typeface=""/>
      </a:majorFont>
      <a:minorFont>
        <a:latin typeface="AdihausDI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 cap="sq">
          <a:noFill/>
          <a:miter lim="800000"/>
        </a:ln>
        <a:effectLst/>
      </a:spPr>
      <a:bodyPr rot="0" spcFirstLastPara="0" vertOverflow="overflow" horzOverflow="overflow" vert="horz" wrap="square" lIns="72000" tIns="126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75000"/>
          </a:lnSpc>
          <a:spcAft>
            <a:spcPts val="0"/>
          </a:spcAft>
          <a:defRPr sz="1800" b="1" cap="all" spc="20" baseline="0" dirty="0" err="1" smtClean="0">
            <a:solidFill>
              <a:schemeClr val="bg1"/>
            </a:solidFill>
            <a:latin typeface="+mj-lt"/>
            <a:cs typeface="AdihausDIN Cn" panose="020B0506020101010102" pitchFamily="34" charset="0"/>
          </a:defRPr>
        </a:defPPr>
      </a:lstStyle>
      <a:style>
        <a:lnRef idx="3">
          <a:schemeClr val="lt1"/>
        </a:lnRef>
        <a:fillRef idx="1">
          <a:schemeClr val="accent1"/>
        </a:fillRef>
        <a:effectRef idx="1">
          <a:schemeClr val="accent1"/>
        </a:effectRef>
        <a:fontRef idx="minor">
          <a:schemeClr val="lt1"/>
        </a:fontRef>
      </a:style>
    </a:spDef>
    <a:lnDef>
      <a:spPr>
        <a:ln w="6350" cmpd="sng">
          <a:solidFill>
            <a:schemeClr val="tx1"/>
          </a:solidFill>
          <a:prstDash val="solid"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gray">
        <a:noFill/>
      </a:spPr>
      <a:bodyPr vert="horz" wrap="square" lIns="0" tIns="0" rIns="0" bIns="0" rtlCol="0" anchor="t" anchorCtr="0">
        <a:noAutofit/>
      </a:bodyPr>
      <a:lstStyle>
        <a:defPPr marL="180000" indent="-180000" algn="l">
          <a:lnSpc>
            <a:spcPct val="90000"/>
          </a:lnSpc>
          <a:spcAft>
            <a:spcPts val="600"/>
          </a:spcAft>
          <a:buSzPct val="90000"/>
          <a:buFont typeface="Wingdings" panose="05000000000000000000" pitchFamily="2" charset="2"/>
          <a:buChar char="§"/>
          <a:defRPr sz="1200" dirty="0" err="1" smtClean="0">
            <a:latin typeface="+mn-lt"/>
          </a:defRPr>
        </a:defPPr>
      </a:lstStyle>
    </a:txDef>
  </a:objectDefaults>
  <a:extraClrSchemeLst>
    <a:extraClrScheme>
      <a:clrScheme name="2021 NEUTRALS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9D7DA"/>
        </a:accent1>
        <a:accent2>
          <a:srgbClr val="C1C1C4"/>
        </a:accent2>
        <a:accent3>
          <a:srgbClr val="898A8D"/>
        </a:accent3>
        <a:accent4>
          <a:srgbClr val="6C6C6C"/>
        </a:accent4>
        <a:accent5>
          <a:srgbClr val="545458"/>
        </a:accent5>
        <a:accent6>
          <a:srgbClr val="4A4A4D"/>
        </a:accent6>
        <a:hlink>
          <a:srgbClr val="000000"/>
        </a:hlink>
        <a:folHlink>
          <a:srgbClr val="000000"/>
        </a:folHlink>
      </a:clrScheme>
    </a:extraClrScheme>
    <a:extraClrScheme>
      <a:clrScheme name="2021 YELLOW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F1B2"/>
        </a:accent1>
        <a:accent2>
          <a:srgbClr val="F1E266"/>
        </a:accent2>
        <a:accent3>
          <a:srgbClr val="E7CF00"/>
        </a:accent3>
        <a:accent4>
          <a:srgbClr val="AF9300"/>
        </a:accent4>
        <a:accent5>
          <a:srgbClr val="785900"/>
        </a:accent5>
        <a:accent6>
          <a:srgbClr val="533100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GOL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E3B2"/>
        </a:accent1>
        <a:accent2>
          <a:srgbClr val="F1C766"/>
        </a:accent2>
        <a:accent3>
          <a:srgbClr val="E8A200"/>
        </a:accent3>
        <a:accent4>
          <a:srgbClr val="B07400"/>
        </a:accent4>
        <a:accent5>
          <a:srgbClr val="794700"/>
        </a:accent5>
        <a:accent6>
          <a:srgbClr val="532800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DC3C3"/>
        </a:accent1>
        <a:accent2>
          <a:srgbClr val="FB8888"/>
        </a:accent2>
        <a:accent3>
          <a:srgbClr val="F83838"/>
        </a:accent3>
        <a:accent4>
          <a:srgbClr val="952222"/>
        </a:accent4>
        <a:accent5>
          <a:srgbClr val="631616"/>
        </a:accent5>
        <a:accent6>
          <a:srgbClr val="320B0B"/>
        </a:accent6>
        <a:hlink>
          <a:srgbClr val="000000"/>
        </a:hlink>
        <a:folHlink>
          <a:srgbClr val="000000"/>
        </a:folHlink>
      </a:clrScheme>
    </a:extraClrScheme>
    <a:extraClrScheme>
      <a:clrScheme name="2021 RED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2BBBE"/>
        </a:accent1>
        <a:accent2>
          <a:srgbClr val="C5787F"/>
        </a:accent2>
        <a:accent3>
          <a:srgbClr val="9E1E29"/>
        </a:accent3>
        <a:accent4>
          <a:srgbClr val="5F1219"/>
        </a:accent4>
        <a:accent5>
          <a:srgbClr val="3F0C10"/>
        </a:accent5>
        <a:accent6>
          <a:srgbClr val="200608"/>
        </a:accent6>
        <a:hlink>
          <a:srgbClr val="000000"/>
        </a:hlink>
        <a:folHlink>
          <a:srgbClr val="000000"/>
        </a:folHlink>
      </a:clrScheme>
    </a:extraClrScheme>
    <a:extraClrScheme>
      <a:clrScheme name="2021 TURBO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FCCD3"/>
        </a:accent1>
        <a:accent2>
          <a:srgbClr val="FF9AA7"/>
        </a:accent2>
        <a:accent3>
          <a:srgbClr val="FF576C"/>
        </a:accent3>
        <a:accent4>
          <a:srgbClr val="993441"/>
        </a:accent4>
        <a:accent5>
          <a:srgbClr val="66232B"/>
        </a:accent5>
        <a:accent6>
          <a:srgbClr val="331116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PINK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F8CCDE"/>
        </a:accent1>
        <a:accent2>
          <a:srgbClr val="F19ABE"/>
        </a:accent2>
        <a:accent3>
          <a:srgbClr val="E85793"/>
        </a:accent3>
        <a:accent4>
          <a:srgbClr val="8B3458"/>
        </a:accent4>
        <a:accent5>
          <a:srgbClr val="5D233B"/>
        </a:accent5>
        <a:accent6>
          <a:srgbClr val="2E111D"/>
        </a:accent6>
        <a:hlink>
          <a:srgbClr val="000000"/>
        </a:hlink>
        <a:folHlink>
          <a:srgbClr val="000000"/>
        </a:folHlink>
      </a:clrScheme>
    </a:extraClrScheme>
    <a:extraClrScheme>
      <a:clrScheme name="2021 COLLEGIATE ROYAL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EC4D5"/>
        </a:accent1>
        <a:accent2>
          <a:srgbClr val="7D89AC"/>
        </a:accent2>
        <a:accent3>
          <a:srgbClr val="273A74"/>
        </a:accent3>
        <a:accent4>
          <a:srgbClr val="172346"/>
        </a:accent4>
        <a:accent5>
          <a:srgbClr val="10172E"/>
        </a:accent5>
        <a:accent6>
          <a:srgbClr val="080C17"/>
        </a:accent6>
        <a:hlink>
          <a:srgbClr val="000000"/>
        </a:hlink>
        <a:folHlink>
          <a:srgbClr val="000000"/>
        </a:folHlink>
      </a:clrScheme>
    </a:extraClrScheme>
    <a:extraClrScheme>
      <a:clrScheme name="2021 ORIGINALS BLUE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B2D8EE"/>
        </a:accent1>
        <a:accent2>
          <a:srgbClr val="66B2DD"/>
        </a:accent2>
        <a:accent3>
          <a:srgbClr val="007FC7"/>
        </a:accent3>
        <a:accent4>
          <a:srgbClr val="004C77"/>
        </a:accent4>
        <a:accent5>
          <a:srgbClr val="003350"/>
        </a:accent5>
        <a:accent6>
          <a:srgbClr val="001928"/>
        </a:accent6>
        <a:hlink>
          <a:srgbClr val="000000"/>
        </a:hlink>
        <a:folHlink>
          <a:srgbClr val="000000"/>
        </a:folHlink>
      </a:clrScheme>
    </a:extraClrScheme>
    <a:extraClrScheme>
      <a:clrScheme name="2021 BRIGHT CYA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D2E6F1"/>
        </a:accent1>
        <a:accent2>
          <a:srgbClr val="A6CDE2"/>
        </a:accent2>
        <a:accent3>
          <a:srgbClr val="6AABCF"/>
        </a:accent3>
        <a:accent4>
          <a:srgbClr val="40677C"/>
        </a:accent4>
        <a:accent5>
          <a:srgbClr val="2A4453"/>
        </a:accent5>
        <a:accent6>
          <a:srgbClr val="152229"/>
        </a:accent6>
        <a:hlink>
          <a:srgbClr val="000000"/>
        </a:hlink>
        <a:folHlink>
          <a:srgbClr val="000000"/>
        </a:folHlink>
      </a:clrScheme>
    </a:extraClrScheme>
    <a:extraClrScheme>
      <a:clrScheme name="2021 SOLAR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E3FDC4"/>
        </a:accent1>
        <a:accent2>
          <a:srgbClr val="C8FC8B"/>
        </a:accent2>
        <a:accent3>
          <a:srgbClr val="A3FA3D"/>
        </a:accent3>
        <a:accent4>
          <a:srgbClr val="629625"/>
        </a:accent4>
        <a:accent5>
          <a:srgbClr val="416418"/>
        </a:accent5>
        <a:accent6>
          <a:srgbClr val="21320C"/>
        </a:accent6>
        <a:hlink>
          <a:srgbClr val="000000"/>
        </a:hlink>
        <a:folHlink>
          <a:srgbClr val="000000"/>
        </a:folHlink>
      </a:clrScheme>
    </a:extraClrScheme>
    <a:extraClrScheme>
      <a:clrScheme name="2021 GREEN">
        <a:dk1>
          <a:sysClr val="windowText" lastClr="000000"/>
        </a:dk1>
        <a:lt1>
          <a:sysClr val="window" lastClr="FFFFFF"/>
        </a:lt1>
        <a:dk2>
          <a:srgbClr val="545458"/>
        </a:dk2>
        <a:lt2>
          <a:srgbClr val="D9D7DA"/>
        </a:lt2>
        <a:accent1>
          <a:srgbClr val="C4D7CB"/>
        </a:accent1>
        <a:accent2>
          <a:srgbClr val="8BAF98"/>
        </a:accent2>
        <a:accent3>
          <a:srgbClr val="3D7953"/>
        </a:accent3>
        <a:accent4>
          <a:srgbClr val="254932"/>
        </a:accent4>
        <a:accent5>
          <a:srgbClr val="183021"/>
        </a:accent5>
        <a:accent6>
          <a:srgbClr val="0C1811"/>
        </a:accent6>
        <a:hlink>
          <a:srgbClr val="000000"/>
        </a:hlink>
        <a:folHlink>
          <a:srgbClr val="000000"/>
        </a:folHlink>
      </a:clrScheme>
    </a:extraClrScheme>
  </a:extraClrSchemeLst>
  <a:extLst>
    <a:ext uri="{05A4C25C-085E-4340-85A3-A5531E510DB2}">
      <thm15:themeFamily xmlns:thm15="http://schemas.microsoft.com/office/thememl/2012/main" name="adidas_PPT_Template_2021_V1" id="{6995C209-4C0F-4084-885E-181F1358F4BD}" vid="{33265333-D884-41C2-BB8D-403BE71B3E26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2.xml><?xml version="1.0" encoding="utf-8"?>
<TemplafySlideFormConfiguration><![CDATA[{"formFields":[],"formDataEntries":[]}]]></TemplafySlide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0" ma:contentTypeDescription="Een nieuw document maken." ma:contentTypeScope="" ma:versionID="b69f379dbcdc4cb8a6077fe13e72f476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3a7bfc096ba494b62f8b72f355418e7b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514337299592798","enableDocumentContentUpdater":true,"version":"1.4"}]]></TemplafySlideTemplate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514337299749009","enableDocumentContentUpdater":true,"version":"1.4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{"type":"shape","id":"dfd2d00f-df29-4f42-812c-548a478bcb14","elementConfiguration":{"inheritDimensions":"inheritNone","width":"{{Form.Brand.PowerPoint_footer_image_width}}","height":"","binding":"Form.Brand.PowerPoint_footer_image","disableUpdates":false,"type":"image"}},{"type":"shape","id":"1c8c6f1c-1dd0-48bb-9adf-1f6d3aad7f37","elementConfiguration":{"inheritDimensions":"inheritNone","width":"{{Form.Brand.PowerPoint_footer_image_width}}","height":"","binding":"Form.Brand.PowerPoint_footer_image","disableUpdates":false,"type":"image"}},{"type":"shape","id":"0f209151-33bd-4c90-853f-8a3e4ab21ece","elementConfiguration":{"inheritDimensions":"inheritNone","width":"{{Form.Brand.PowerPoint_footer_image_width}}","height":"","binding":"Form.Brand.PowerPoint_footer_image","disableUpdates":false,"type":"image"}},{"type":"shape","id":"98c6f09c-06cb-4983-b55f-33a1a6d93884","elementConfiguration":{"inheritDimensions":"inheritNone","width":"{{Form.Brand.PowerPoint_footer_image_width}}","height":"","binding":"Form.Brand.PowerPoint_footer_image","disableUpdates":false,"type":"image"}},{"type":"shape","id":"1b26081c-0f03-4fd1-a5e7-ff809b449d6d","elementConfiguration":{"inheritDimensions":"inheritNone","width":"{{Form.Brand.PowerPoint_footer_image_width}}","height":"","binding":"Form.Brand.PowerPoint_footer_image","disableUpdates":false,"type":"image"}},{"type":"shape","id":"4249abe6-2239-4e34-801c-1b8e1b64a27a","elementConfiguration":{"inheritDimensions":"inheritNone","width":"{{Form.Brand.PowerPoint_footer_image_width}}","height":"","binding":"Form.Brand.PowerPoint_footer_image","disableUpdates":false,"type":"image"}},{"type":"shape","id":"c14f99e4-e546-44e6-b02c-c17bc4ff6030","elementConfiguration":{"inheritDimensions":"inheritNone","width":"{{Form.Brand.PowerPoint_footer_image_width}}","height":"","binding":"Form.Brand.PowerPoint_footer_image","disableUpdates":false,"type":"image"}},{"type":"shape","id":"fe1c79ae-a173-47cc-8235-badf6b9b8a53","elementConfiguration":{"inheritDimensions":"inheritNone","width":"{{Form.Brand.PowerPoint_footer_image_width}}","height":"","binding":"Form.Brand.PowerPoint_footer_image","disableUpdates":false,"type":"image"}},{"type":"shape","id":"a1478e76-061c-468e-99ff-104e5ae4e970","elementConfiguration":{"inheritDimensions":"inheritNone","width":"{{Form.Brand.PowerPoint_footer_image_width}}","height":"","binding":"Form.Brand.PowerPoint_footer_image","disableUpdates":false,"type":"image"}},{"type":"shape","id":"638c1023-e442-4f7f-99b4-c31381b9466f","elementConfiguration":{"inheritDimensions":"inheritNone","width":"{{Form.Brand.PowerPoint_footer_image_width}}","height":"","binding":"Form.Brand.PowerPoint_footer_image","disableUpdates":false,"type":"image"}},{"type":"shape","id":"3bd5eedb-0bc9-45fd-9849-c338be0fa20d","elementConfiguration":{"inheritDimensions":"inheritNone","width":"{{Form.Brand.PowerPoint_footer_image_width}}","height":"","binding":"Form.Brand.PowerPoint_footer_image","disableUpdates":false,"type":"image"}},{"type":"shape","id":"4e8bd36d-c90a-48fe-b679-672284ef0cdd","elementConfiguration":{"inheritDimensions":"inheritNone","width":"{{Form.Brand.PowerPoint_footer_image_width}}","height":"","binding":"Form.Brand.PowerPoint_footer_image","disableUpdates":false,"type":"image"}}],"transformationConfigurations":[{"language":"{{UserProfile.DocumentLanguage.Iana}}","disableUpdates":false,"type":"proofingLanguage"}],"templateName":"","templateDescription":"","enableDocumentContentUpdater":true,"version":"1.4"}]]></TemplafyTemplateConfiguration>
</file>

<file path=customXml/item9.xml><?xml version="1.0" encoding="utf-8"?>
<TemplafyFormConfiguration><![CDATA[{"formFields":[{"dataSource":"PowerPoint (adidas 2021)","displayColumn":"choice","hideIfNoUserInteractionRequired":false,"distinct":true,"required":true,"autoSelectFirstOption":false,"helpTexts":{"prefix":"According logo will appear in the presentation footer","postfix":""},"spacing":{},"type":"dropDown","name":"Brand","label":"Brand","fullyQualifiedName":"Brand"}],"formDataEntries":[{"name":"Brand","value":"hMEWqdlH6cOqQMObxerQCQ=="}]}]]></TemplafyFormConfiguration>
</file>

<file path=customXml/itemProps1.xml><?xml version="1.0" encoding="utf-8"?>
<ds:datastoreItem xmlns:ds="http://schemas.openxmlformats.org/officeDocument/2006/customXml" ds:itemID="{5CC1AE5C-8D7A-4B3C-ACB6-5D396598A47E}">
  <ds:schemaRefs>
    <ds:schemaRef ds:uri="http://schemas.microsoft.com/office/2006/metadata/properties"/>
    <ds:schemaRef ds:uri="http://purl.org/dc/elements/1.1/"/>
    <ds:schemaRef ds:uri="http://schemas.openxmlformats.org/package/2006/metadata/core-properties"/>
    <ds:schemaRef ds:uri="http://www.w3.org/XML/1998/namespace"/>
    <ds:schemaRef ds:uri="http://schemas.microsoft.com/office/2006/documentManagement/types"/>
    <ds:schemaRef ds:uri="http://purl.org/dc/terms/"/>
    <ds:schemaRef ds:uri="6383705d-f662-443d-b225-c02f1f09d3e6"/>
    <ds:schemaRef ds:uri="http://purl.org/dc/dcmitype/"/>
    <ds:schemaRef ds:uri="http://schemas.microsoft.com/office/infopath/2007/PartnerControls"/>
    <ds:schemaRef ds:uri="921d8b57-8398-4c9a-970e-e06d7d9c25f1"/>
    <ds:schemaRef ds:uri="http://schemas.microsoft.com/sharepoint/v3"/>
    <ds:schemaRef ds:uri="aacb7df8-672f-46f2-977f-893ce5cef86b"/>
  </ds:schemaRefs>
</ds:datastoreItem>
</file>

<file path=customXml/itemProps2.xml><?xml version="1.0" encoding="utf-8"?>
<ds:datastoreItem xmlns:ds="http://schemas.openxmlformats.org/officeDocument/2006/customXml" ds:itemID="{CC157B93-C1AC-4723-A420-9857D20BDBC9}">
  <ds:schemaRefs/>
</ds:datastoreItem>
</file>

<file path=customXml/itemProps3.xml><?xml version="1.0" encoding="utf-8"?>
<ds:datastoreItem xmlns:ds="http://schemas.openxmlformats.org/officeDocument/2006/customXml" ds:itemID="{EB31349F-9E60-40CA-A45D-5EF95569083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0D49E3B-F66B-47D7-8831-7985B90CAEF1}">
  <ds:schemaRefs/>
</ds:datastoreItem>
</file>

<file path=customXml/itemProps5.xml><?xml version="1.0" encoding="utf-8"?>
<ds:datastoreItem xmlns:ds="http://schemas.openxmlformats.org/officeDocument/2006/customXml" ds:itemID="{344CBAED-8994-428E-A4D7-C25533312B2B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7C4AFF7F-1596-4486-8E36-52E561C1588E}">
  <ds:schemaRefs/>
</ds:datastoreItem>
</file>

<file path=customXml/itemProps7.xml><?xml version="1.0" encoding="utf-8"?>
<ds:datastoreItem xmlns:ds="http://schemas.openxmlformats.org/officeDocument/2006/customXml" ds:itemID="{7F90199E-7F57-4FA2-BFC3-653878FC52E0}">
  <ds:schemaRefs/>
</ds:datastoreItem>
</file>

<file path=customXml/itemProps8.xml><?xml version="1.0" encoding="utf-8"?>
<ds:datastoreItem xmlns:ds="http://schemas.openxmlformats.org/officeDocument/2006/customXml" ds:itemID="{C82B8E05-A9E9-46B0-8412-6E5565CE37DE}">
  <ds:schemaRefs/>
</ds:datastoreItem>
</file>

<file path=customXml/itemProps9.xml><?xml version="1.0" encoding="utf-8"?>
<ds:datastoreItem xmlns:ds="http://schemas.openxmlformats.org/officeDocument/2006/customXml" ds:itemID="{6B7C5AD6-7FFF-4E0E-9C93-9C77AC0DBC8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06</TotalTime>
  <Words>2168</Words>
  <Application>Microsoft Office PowerPoint</Application>
  <PresentationFormat>Vlastní</PresentationFormat>
  <Paragraphs>365</Paragraphs>
  <Slides>22</Slides>
  <Notes>0</Notes>
  <HiddenSlides>0</HiddenSlides>
  <MMClips>0</MMClips>
  <ScaleCrop>false</ScaleCrop>
  <HeadingPairs>
    <vt:vector size="8" baseType="variant">
      <vt:variant>
        <vt:lpstr>Použitá písma</vt:lpstr>
      </vt:variant>
      <vt:variant>
        <vt:i4>10</vt:i4>
      </vt:variant>
      <vt:variant>
        <vt:lpstr>Motiv</vt:lpstr>
      </vt:variant>
      <vt:variant>
        <vt:i4>13</vt:i4>
      </vt:variant>
      <vt:variant>
        <vt:lpstr>Vložené servery OLE</vt:lpstr>
      </vt:variant>
      <vt:variant>
        <vt:i4>1</vt:i4>
      </vt:variant>
      <vt:variant>
        <vt:lpstr>Nadpisy snímků</vt:lpstr>
      </vt:variant>
      <vt:variant>
        <vt:i4>22</vt:i4>
      </vt:variant>
    </vt:vector>
  </HeadingPairs>
  <TitlesOfParts>
    <vt:vector size="46" baseType="lpstr">
      <vt:lpstr>MS PGothic</vt:lpstr>
      <vt:lpstr>AdihausDIN</vt:lpstr>
      <vt:lpstr>adineue PRO Cond</vt:lpstr>
      <vt:lpstr>adineue PRO TT Black</vt:lpstr>
      <vt:lpstr>Arial</vt:lpstr>
      <vt:lpstr>Calibri</vt:lpstr>
      <vt:lpstr>Roboto</vt:lpstr>
      <vt:lpstr>Times New Roman</vt:lpstr>
      <vt:lpstr>Tw Cen MT</vt:lpstr>
      <vt:lpstr>Wingdings</vt:lpstr>
      <vt:lpstr>ADIDAS: NEUTRALS</vt:lpstr>
      <vt:lpstr>ADIDAS: YELLOW</vt:lpstr>
      <vt:lpstr>ADIDAS: COLLEGIATE GOLD</vt:lpstr>
      <vt:lpstr>ADIDAS: SOLAR RED</vt:lpstr>
      <vt:lpstr>ADIDAS: RED</vt:lpstr>
      <vt:lpstr>ADIDAS: TURBO</vt:lpstr>
      <vt:lpstr>ADIDAS: SOLAR PINK</vt:lpstr>
      <vt:lpstr>ADIDAS: COLLEGIATE ROYAL</vt:lpstr>
      <vt:lpstr>ADIDAS: ORIGINALS BLUE</vt:lpstr>
      <vt:lpstr>ADIDAS: BRIGHT CYAN</vt:lpstr>
      <vt:lpstr>ADIDAS: SOLAR GREEN</vt:lpstr>
      <vt:lpstr>ADIDAS: GREEN</vt:lpstr>
      <vt:lpstr>Kapka</vt:lpstr>
      <vt:lpstr>Chart</vt:lpstr>
      <vt:lpstr>Příprava na maraton</vt:lpstr>
      <vt:lpstr>Maratón</vt:lpstr>
      <vt:lpstr>Marcela Joglová nar. 1987</vt:lpstr>
      <vt:lpstr>Maratonská historie </vt:lpstr>
      <vt:lpstr>Prosinec 2020 - Cíl 2:29:30</vt:lpstr>
      <vt:lpstr>Prezentace aplikace PowerPoint</vt:lpstr>
      <vt:lpstr>Plánované VT</vt:lpstr>
      <vt:lpstr>Příprava 1.-4. týden </vt:lpstr>
      <vt:lpstr>Ukázka 4. týden </vt:lpstr>
      <vt:lpstr>Příprava 5. týden</vt:lpstr>
      <vt:lpstr>       Příprava 6.-8. týden VT Albufeira</vt:lpstr>
      <vt:lpstr>Ukázka 6. týden</vt:lpstr>
      <vt:lpstr>9. Týden </vt:lpstr>
      <vt:lpstr>10. Týden / 1. týden Keňa</vt:lpstr>
      <vt:lpstr>10. Týden </vt:lpstr>
      <vt:lpstr>11.-12. týden / 2.-3. Keňa</vt:lpstr>
      <vt:lpstr>13.-15. týden / Keňa 4.-6. týden</vt:lpstr>
      <vt:lpstr>14. Týden</vt:lpstr>
      <vt:lpstr>16.-18. týden / Keňa 7.-9. týden</vt:lpstr>
      <vt:lpstr>19. Týden /Keňa 10. týden</vt:lpstr>
      <vt:lpstr>19 týdenní cyklus</vt:lpstr>
      <vt:lpstr>MEZIČASY NN MARATHON (2:28:16)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le of your presentation</dc:title>
  <dc:creator>Blahovcova, Adela [External]</dc:creator>
  <cp:lastModifiedBy>Milan J</cp:lastModifiedBy>
  <cp:revision>13</cp:revision>
  <cp:lastPrinted>2021-02-10T10:22:15Z</cp:lastPrinted>
  <dcterms:created xsi:type="dcterms:W3CDTF">2021-02-19T11:58:47Z</dcterms:created>
  <dcterms:modified xsi:type="dcterms:W3CDTF">2021-10-27T02:23:42Z</dcterms:modified>
  <dc:language>English-UK</dc:language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1-03-15T19:35:29.4525624Z</vt:lpwstr>
  </property>
  <property fmtid="{D5CDD505-2E9C-101B-9397-08002B2CF9AE}" pid="4" name="TemplafyTenantId">
    <vt:lpwstr>adidas</vt:lpwstr>
  </property>
  <property fmtid="{D5CDD505-2E9C-101B-9397-08002B2CF9AE}" pid="5" name="TemplafyTemplateId">
    <vt:lpwstr>637509882959343002</vt:lpwstr>
  </property>
  <property fmtid="{D5CDD505-2E9C-101B-9397-08002B2CF9AE}" pid="6" name="TemplafyUserProfileId">
    <vt:lpwstr>636978195753176546</vt:lpwstr>
  </property>
  <property fmtid="{D5CDD505-2E9C-101B-9397-08002B2CF9AE}" pid="7" name="TemplafyLanguageCode">
    <vt:lpwstr>en-US</vt:lpwstr>
  </property>
</Properties>
</file>